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0"/>
    <p:sldMasterId id="2147483796" r:id="rId11"/>
  </p:sldMasterIdLst>
  <p:notesMasterIdLst>
    <p:notesMasterId r:id="rId22"/>
  </p:notesMasterIdLst>
  <p:handoutMasterIdLst>
    <p:handoutMasterId r:id="rId23"/>
  </p:handoutMasterIdLst>
  <p:sldIdLst>
    <p:sldId id="402" r:id="rId12"/>
    <p:sldId id="2147483514" r:id="rId13"/>
    <p:sldId id="2147483516" r:id="rId14"/>
    <p:sldId id="2147483515" r:id="rId15"/>
    <p:sldId id="2147483518" r:id="rId16"/>
    <p:sldId id="2147483517" r:id="rId17"/>
    <p:sldId id="2147483519" r:id="rId18"/>
    <p:sldId id="2147483521" r:id="rId19"/>
    <p:sldId id="2147483520" r:id="rId20"/>
    <p:sldId id="449" r:id="rId21"/>
  </p:sldIdLst>
  <p:sldSz cx="12195175" cy="6858000"/>
  <p:notesSz cx="6858000" cy="9144000"/>
  <p:embeddedFontLst>
    <p:embeddedFont>
      <p:font typeface="72 Brand" panose="020B0504030603020204" pitchFamily="34" charset="0"/>
      <p:regular r:id="rId24"/>
      <p:bold r:id="rId25"/>
      <p:italic r:id="rId26"/>
      <p:boldItalic r:id="rId27"/>
    </p:embeddedFont>
    <p:embeddedFont>
      <p:font typeface="72 Brand Medium" panose="020B0604030603020204" pitchFamily="34" charset="0"/>
      <p:regular r:id="rId28"/>
      <p:italic r:id="rId29"/>
    </p:embeddedFont>
  </p:embeddedFontLst>
  <p:custDataLst>
    <p:tags r:id="rId30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F47D78DF-6961-4C89-98D4-BD923569E6E4}">
          <p14:sldIdLst>
            <p14:sldId id="402"/>
            <p14:sldId id="2147483514"/>
            <p14:sldId id="2147483516"/>
            <p14:sldId id="2147483515"/>
            <p14:sldId id="2147483518"/>
            <p14:sldId id="2147483517"/>
            <p14:sldId id="2147483519"/>
            <p14:sldId id="2147483521"/>
            <p14:sldId id="2147483520"/>
          </p14:sldIdLst>
        </p14:section>
        <p14:section name="Appendix" id="{88D04579-BCF5-4805-83AE-A39252562055}">
          <p14:sldIdLst>
            <p14:sldId id="449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0AB00"/>
    <a:srgbClr val="065CA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7F757AF-05C6-4E5F-891F-6BC5E535A713}" v="22" dt="2025-08-07T12:38:02.48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  <a:tblStyle styleId="{E8B1032C-EA38-4F05-BA0D-38AFFFC7BED3}" styleName="Light Style 3 - Accent 6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 w="12700" cmpd="sng">
              <a:solidFill>
                <a:schemeClr val="accent6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5028" autoAdjust="0"/>
  </p:normalViewPr>
  <p:slideViewPr>
    <p:cSldViewPr snapToGrid="0">
      <p:cViewPr varScale="1">
        <p:scale>
          <a:sx n="95" d="100"/>
          <a:sy n="95" d="100"/>
        </p:scale>
        <p:origin x="108" y="1104"/>
      </p:cViewPr>
      <p:guideLst>
        <p:guide pos="3841"/>
        <p:guide orient="horz" pos="3317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font" Target="fonts/font3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0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font" Target="fonts/font2.fntdata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font" Target="fonts/font6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2.xml"/><Relationship Id="rId24" Type="http://schemas.openxmlformats.org/officeDocument/2006/relationships/font" Target="fonts/font1.fntdata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handoutMaster" Target="handoutMasters/handoutMaster1.xml"/><Relationship Id="rId28" Type="http://schemas.openxmlformats.org/officeDocument/2006/relationships/font" Target="fonts/font5.fntdata"/><Relationship Id="rId36" Type="http://schemas.microsoft.com/office/2015/10/relationships/revisionInfo" Target="revisionInfo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8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notesMaster" Target="notesMasters/notesMaster1.xml"/><Relationship Id="rId27" Type="http://schemas.openxmlformats.org/officeDocument/2006/relationships/font" Target="fonts/font4.fntdata"/><Relationship Id="rId30" Type="http://schemas.openxmlformats.org/officeDocument/2006/relationships/tags" Target="tags/tag1.xml"/><Relationship Id="rId35" Type="http://schemas.microsoft.com/office/2016/11/relationships/changesInfo" Target="changesInfos/changesInfo1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toyanov, Velizar" userId="317c53fe-b510-431f-939c-396b11c08d05" providerId="ADAL" clId="{7A8BA82E-5294-9246-A8EA-EFFCF3B685EE}"/>
    <pc:docChg chg="undo custSel addSld delSld modSld">
      <pc:chgData name="Stoyanov, Velizar" userId="317c53fe-b510-431f-939c-396b11c08d05" providerId="ADAL" clId="{7A8BA82E-5294-9246-A8EA-EFFCF3B685EE}" dt="2025-01-21T09:54:29.578" v="388" actId="14100"/>
      <pc:docMkLst>
        <pc:docMk/>
      </pc:docMkLst>
      <pc:sldChg chg="del">
        <pc:chgData name="Stoyanov, Velizar" userId="317c53fe-b510-431f-939c-396b11c08d05" providerId="ADAL" clId="{7A8BA82E-5294-9246-A8EA-EFFCF3B685EE}" dt="2025-01-15T14:28:43.865" v="1" actId="2696"/>
        <pc:sldMkLst>
          <pc:docMk/>
          <pc:sldMk cId="4108966024" sldId="2147483506"/>
        </pc:sldMkLst>
      </pc:sldChg>
      <pc:sldChg chg="modSp mod">
        <pc:chgData name="Stoyanov, Velizar" userId="317c53fe-b510-431f-939c-396b11c08d05" providerId="ADAL" clId="{7A8BA82E-5294-9246-A8EA-EFFCF3B685EE}" dt="2025-01-15T14:34:38.858" v="4"/>
        <pc:sldMkLst>
          <pc:docMk/>
          <pc:sldMk cId="3472305926" sldId="2147483509"/>
        </pc:sldMkLst>
      </pc:sldChg>
      <pc:sldChg chg="del">
        <pc:chgData name="Stoyanov, Velizar" userId="317c53fe-b510-431f-939c-396b11c08d05" providerId="ADAL" clId="{7A8BA82E-5294-9246-A8EA-EFFCF3B685EE}" dt="2025-01-15T14:28:43.865" v="1" actId="2696"/>
        <pc:sldMkLst>
          <pc:docMk/>
          <pc:sldMk cId="106053267" sldId="2147483516"/>
        </pc:sldMkLst>
      </pc:sldChg>
      <pc:sldChg chg="add">
        <pc:chgData name="Stoyanov, Velizar" userId="317c53fe-b510-431f-939c-396b11c08d05" providerId="ADAL" clId="{7A8BA82E-5294-9246-A8EA-EFFCF3B685EE}" dt="2025-01-15T14:28:34.133" v="0"/>
        <pc:sldMkLst>
          <pc:docMk/>
          <pc:sldMk cId="3766411186" sldId="2147483520"/>
        </pc:sldMkLst>
      </pc:sldChg>
      <pc:sldChg chg="add">
        <pc:chgData name="Stoyanov, Velizar" userId="317c53fe-b510-431f-939c-396b11c08d05" providerId="ADAL" clId="{7A8BA82E-5294-9246-A8EA-EFFCF3B685EE}" dt="2025-01-15T14:28:34.133" v="0"/>
        <pc:sldMkLst>
          <pc:docMk/>
          <pc:sldMk cId="3024646828" sldId="2147483521"/>
        </pc:sldMkLst>
      </pc:sldChg>
      <pc:sldChg chg="addSp delSp modSp new mod">
        <pc:chgData name="Stoyanov, Velizar" userId="317c53fe-b510-431f-939c-396b11c08d05" providerId="ADAL" clId="{7A8BA82E-5294-9246-A8EA-EFFCF3B685EE}" dt="2025-01-21T09:54:29.578" v="388" actId="14100"/>
        <pc:sldMkLst>
          <pc:docMk/>
          <pc:sldMk cId="2177436668" sldId="2147483526"/>
        </pc:sldMkLst>
      </pc:sldChg>
    </pc:docChg>
  </pc:docChgLst>
  <pc:docChgLst>
    <pc:chgData name="Rzhaksynskyi, Andrii" userId="6045fa21-fb7f-4140-9329-b998a4afd71e" providerId="ADAL" clId="{DF819E8C-EB20-43C6-86EA-EAAD15C608BB}"/>
    <pc:docChg chg="custSel modSld modMainMaster">
      <pc:chgData name="Rzhaksynskyi, Andrii" userId="6045fa21-fb7f-4140-9329-b998a4afd71e" providerId="ADAL" clId="{DF819E8C-EB20-43C6-86EA-EAAD15C608BB}" dt="2025-08-07T08:10:08.211" v="43" actId="139"/>
      <pc:docMkLst>
        <pc:docMk/>
      </pc:docMkLst>
      <pc:sldChg chg="modSp mod">
        <pc:chgData name="Rzhaksynskyi, Andrii" userId="6045fa21-fb7f-4140-9329-b998a4afd71e" providerId="ADAL" clId="{DF819E8C-EB20-43C6-86EA-EAAD15C608BB}" dt="2025-08-07T08:10:07.986" v="1" actId="139"/>
        <pc:sldMkLst>
          <pc:docMk/>
          <pc:sldMk cId="3316874168" sldId="402"/>
        </pc:sldMkLst>
        <pc:spChg chg="mod">
          <ac:chgData name="Rzhaksynskyi, Andrii" userId="6045fa21-fb7f-4140-9329-b998a4afd71e" providerId="ADAL" clId="{DF819E8C-EB20-43C6-86EA-EAAD15C608BB}" dt="2025-08-07T08:10:07.986" v="1" actId="139"/>
          <ac:spMkLst>
            <pc:docMk/>
            <pc:sldMk cId="3316874168" sldId="402"/>
            <ac:spMk id="7" creationId="{DC2EF83C-365F-4116-31E2-585230803428}"/>
          </ac:spMkLst>
        </pc:spChg>
      </pc:sldChg>
      <pc:sldMasterChg chg="modSldLayout">
        <pc:chgData name="Rzhaksynskyi, Andrii" userId="6045fa21-fb7f-4140-9329-b998a4afd71e" providerId="ADAL" clId="{DF819E8C-EB20-43C6-86EA-EAAD15C608BB}" dt="2025-08-07T08:10:08.124" v="21" actId="139"/>
        <pc:sldMasterMkLst>
          <pc:docMk/>
          <pc:sldMasterMk cId="3408294523" sldId="2147483733"/>
        </pc:sldMasterMkLst>
        <pc:sldLayoutChg chg="modSp mod">
          <pc:chgData name="Rzhaksynskyi, Andrii" userId="6045fa21-fb7f-4140-9329-b998a4afd71e" providerId="ADAL" clId="{DF819E8C-EB20-43C6-86EA-EAAD15C608BB}" dt="2025-08-07T08:10:08.082" v="7" actId="139"/>
          <pc:sldLayoutMkLst>
            <pc:docMk/>
            <pc:sldMasterMk cId="3408294523" sldId="2147483733"/>
            <pc:sldLayoutMk cId="1084997862" sldId="2147483777"/>
          </pc:sldLayoutMkLst>
          <pc:spChg chg="mod">
            <ac:chgData name="Rzhaksynskyi, Andrii" userId="6045fa21-fb7f-4140-9329-b998a4afd71e" providerId="ADAL" clId="{DF819E8C-EB20-43C6-86EA-EAAD15C608BB}" dt="2025-08-07T08:10:08.082" v="7" actId="139"/>
            <ac:spMkLst>
              <pc:docMk/>
              <pc:sldMasterMk cId="3408294523" sldId="2147483733"/>
              <pc:sldLayoutMk cId="1084997862" sldId="2147483777"/>
              <ac:spMk id="4" creationId="{13EDB9F6-FBDA-8ED8-A84B-244CC53CFF99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066" v="3" actId="139"/>
          <pc:sldLayoutMkLst>
            <pc:docMk/>
            <pc:sldMasterMk cId="3408294523" sldId="2147483733"/>
            <pc:sldLayoutMk cId="2667257257" sldId="2147483780"/>
          </pc:sldLayoutMkLst>
          <pc:spChg chg="mod">
            <ac:chgData name="Rzhaksynskyi, Andrii" userId="6045fa21-fb7f-4140-9329-b998a4afd71e" providerId="ADAL" clId="{DF819E8C-EB20-43C6-86EA-EAAD15C608BB}" dt="2025-08-07T08:10:08.066" v="3" actId="139"/>
            <ac:spMkLst>
              <pc:docMk/>
              <pc:sldMasterMk cId="3408294523" sldId="2147483733"/>
              <pc:sldLayoutMk cId="2667257257" sldId="2147483780"/>
              <ac:spMk id="7" creationId="{1D05DC80-84C9-9ECA-3B84-3577D8D81659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075" v="5" actId="139"/>
          <pc:sldLayoutMkLst>
            <pc:docMk/>
            <pc:sldMasterMk cId="3408294523" sldId="2147483733"/>
            <pc:sldLayoutMk cId="277845837" sldId="2147483787"/>
          </pc:sldLayoutMkLst>
          <pc:spChg chg="mod">
            <ac:chgData name="Rzhaksynskyi, Andrii" userId="6045fa21-fb7f-4140-9329-b998a4afd71e" providerId="ADAL" clId="{DF819E8C-EB20-43C6-86EA-EAAD15C608BB}" dt="2025-08-07T08:10:08.075" v="5" actId="139"/>
            <ac:spMkLst>
              <pc:docMk/>
              <pc:sldMasterMk cId="3408294523" sldId="2147483733"/>
              <pc:sldLayoutMk cId="277845837" sldId="2147483787"/>
              <ac:spMk id="8" creationId="{F1333C1B-AD40-D53A-5A1E-EFB8C6390D49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088" v="9" actId="139"/>
          <pc:sldLayoutMkLst>
            <pc:docMk/>
            <pc:sldMasterMk cId="3408294523" sldId="2147483733"/>
            <pc:sldLayoutMk cId="2183850539" sldId="2147483788"/>
          </pc:sldLayoutMkLst>
          <pc:spChg chg="mod">
            <ac:chgData name="Rzhaksynskyi, Andrii" userId="6045fa21-fb7f-4140-9329-b998a4afd71e" providerId="ADAL" clId="{DF819E8C-EB20-43C6-86EA-EAAD15C608BB}" dt="2025-08-07T08:10:08.088" v="9" actId="139"/>
            <ac:spMkLst>
              <pc:docMk/>
              <pc:sldMasterMk cId="3408294523" sldId="2147483733"/>
              <pc:sldLayoutMk cId="2183850539" sldId="2147483788"/>
              <ac:spMk id="9" creationId="{CE0C2033-6FDF-7DD6-E25C-C03296FDAD00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094" v="11" actId="139"/>
          <pc:sldLayoutMkLst>
            <pc:docMk/>
            <pc:sldMasterMk cId="3408294523" sldId="2147483733"/>
            <pc:sldLayoutMk cId="1554761476" sldId="2147483789"/>
          </pc:sldLayoutMkLst>
          <pc:spChg chg="mod">
            <ac:chgData name="Rzhaksynskyi, Andrii" userId="6045fa21-fb7f-4140-9329-b998a4afd71e" providerId="ADAL" clId="{DF819E8C-EB20-43C6-86EA-EAAD15C608BB}" dt="2025-08-07T08:10:08.094" v="11" actId="139"/>
            <ac:spMkLst>
              <pc:docMk/>
              <pc:sldMasterMk cId="3408294523" sldId="2147483733"/>
              <pc:sldLayoutMk cId="1554761476" sldId="2147483789"/>
              <ac:spMk id="11" creationId="{62D91ACB-BD14-46CB-4B61-F4B072D877C0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099" v="13" actId="139"/>
          <pc:sldLayoutMkLst>
            <pc:docMk/>
            <pc:sldMasterMk cId="3408294523" sldId="2147483733"/>
            <pc:sldLayoutMk cId="1315975548" sldId="2147483790"/>
          </pc:sldLayoutMkLst>
          <pc:spChg chg="mod">
            <ac:chgData name="Rzhaksynskyi, Andrii" userId="6045fa21-fb7f-4140-9329-b998a4afd71e" providerId="ADAL" clId="{DF819E8C-EB20-43C6-86EA-EAAD15C608BB}" dt="2025-08-07T08:10:08.099" v="13" actId="139"/>
            <ac:spMkLst>
              <pc:docMk/>
              <pc:sldMasterMk cId="3408294523" sldId="2147483733"/>
              <pc:sldLayoutMk cId="1315975548" sldId="2147483790"/>
              <ac:spMk id="3" creationId="{D417CEF6-1FCD-75B6-FA13-C583ECCE7BE5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105" v="15" actId="139"/>
          <pc:sldLayoutMkLst>
            <pc:docMk/>
            <pc:sldMasterMk cId="3408294523" sldId="2147483733"/>
            <pc:sldLayoutMk cId="4293282121" sldId="2147483791"/>
          </pc:sldLayoutMkLst>
          <pc:spChg chg="mod">
            <ac:chgData name="Rzhaksynskyi, Andrii" userId="6045fa21-fb7f-4140-9329-b998a4afd71e" providerId="ADAL" clId="{DF819E8C-EB20-43C6-86EA-EAAD15C608BB}" dt="2025-08-07T08:10:08.105" v="15" actId="139"/>
            <ac:spMkLst>
              <pc:docMk/>
              <pc:sldMasterMk cId="3408294523" sldId="2147483733"/>
              <pc:sldLayoutMk cId="4293282121" sldId="2147483791"/>
              <ac:spMk id="3" creationId="{D67AB148-356D-F356-4E6C-9664D9EB9DF3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112" v="17" actId="139"/>
          <pc:sldLayoutMkLst>
            <pc:docMk/>
            <pc:sldMasterMk cId="3408294523" sldId="2147483733"/>
            <pc:sldLayoutMk cId="2910220013" sldId="2147483792"/>
          </pc:sldLayoutMkLst>
          <pc:spChg chg="mod">
            <ac:chgData name="Rzhaksynskyi, Andrii" userId="6045fa21-fb7f-4140-9329-b998a4afd71e" providerId="ADAL" clId="{DF819E8C-EB20-43C6-86EA-EAAD15C608BB}" dt="2025-08-07T08:10:08.112" v="17" actId="139"/>
            <ac:spMkLst>
              <pc:docMk/>
              <pc:sldMasterMk cId="3408294523" sldId="2147483733"/>
              <pc:sldLayoutMk cId="2910220013" sldId="2147483792"/>
              <ac:spMk id="3" creationId="{BBFBBDC3-D031-6041-465D-9F7147F423CF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118" v="19" actId="139"/>
          <pc:sldLayoutMkLst>
            <pc:docMk/>
            <pc:sldMasterMk cId="3408294523" sldId="2147483733"/>
            <pc:sldLayoutMk cId="1043655704" sldId="2147483793"/>
          </pc:sldLayoutMkLst>
          <pc:spChg chg="mod">
            <ac:chgData name="Rzhaksynskyi, Andrii" userId="6045fa21-fb7f-4140-9329-b998a4afd71e" providerId="ADAL" clId="{DF819E8C-EB20-43C6-86EA-EAAD15C608BB}" dt="2025-08-07T08:10:08.118" v="19" actId="139"/>
            <ac:spMkLst>
              <pc:docMk/>
              <pc:sldMasterMk cId="3408294523" sldId="2147483733"/>
              <pc:sldLayoutMk cId="1043655704" sldId="2147483793"/>
              <ac:spMk id="3" creationId="{4A078429-99DD-7555-B0F4-FEF46FD297B0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124" v="21" actId="139"/>
          <pc:sldLayoutMkLst>
            <pc:docMk/>
            <pc:sldMasterMk cId="3408294523" sldId="2147483733"/>
            <pc:sldLayoutMk cId="1979749642" sldId="2147483794"/>
          </pc:sldLayoutMkLst>
          <pc:spChg chg="mod">
            <ac:chgData name="Rzhaksynskyi, Andrii" userId="6045fa21-fb7f-4140-9329-b998a4afd71e" providerId="ADAL" clId="{DF819E8C-EB20-43C6-86EA-EAAD15C608BB}" dt="2025-08-07T08:10:08.124" v="21" actId="139"/>
            <ac:spMkLst>
              <pc:docMk/>
              <pc:sldMasterMk cId="3408294523" sldId="2147483733"/>
              <pc:sldLayoutMk cId="1979749642" sldId="2147483794"/>
              <ac:spMk id="5" creationId="{7A6CB977-D711-D436-9DC2-AAFCC56F9CAA}"/>
            </ac:spMkLst>
          </pc:spChg>
        </pc:sldLayoutChg>
      </pc:sldMasterChg>
      <pc:sldMasterChg chg="modSldLayout">
        <pc:chgData name="Rzhaksynskyi, Andrii" userId="6045fa21-fb7f-4140-9329-b998a4afd71e" providerId="ADAL" clId="{DF819E8C-EB20-43C6-86EA-EAAD15C608BB}" dt="2025-08-07T08:10:08.211" v="43" actId="139"/>
        <pc:sldMasterMkLst>
          <pc:docMk/>
          <pc:sldMasterMk cId="1594550698" sldId="2147483796"/>
        </pc:sldMasterMkLst>
        <pc:sldLayoutChg chg="modSp mod">
          <pc:chgData name="Rzhaksynskyi, Andrii" userId="6045fa21-fb7f-4140-9329-b998a4afd71e" providerId="ADAL" clId="{DF819E8C-EB20-43C6-86EA-EAAD15C608BB}" dt="2025-08-07T08:10:08.160" v="23" actId="139"/>
          <pc:sldLayoutMkLst>
            <pc:docMk/>
            <pc:sldMasterMk cId="1594550698" sldId="2147483796"/>
            <pc:sldLayoutMk cId="610135273" sldId="2147483797"/>
          </pc:sldLayoutMkLst>
          <pc:spChg chg="mod">
            <ac:chgData name="Rzhaksynskyi, Andrii" userId="6045fa21-fb7f-4140-9329-b998a4afd71e" providerId="ADAL" clId="{DF819E8C-EB20-43C6-86EA-EAAD15C608BB}" dt="2025-08-07T08:10:08.160" v="23" actId="139"/>
            <ac:spMkLst>
              <pc:docMk/>
              <pc:sldMasterMk cId="1594550698" sldId="2147483796"/>
              <pc:sldLayoutMk cId="610135273" sldId="2147483797"/>
              <ac:spMk id="6" creationId="{870EB466-B92B-9D4D-974E-A49C0F424152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165" v="25" actId="139"/>
          <pc:sldLayoutMkLst>
            <pc:docMk/>
            <pc:sldMasterMk cId="1594550698" sldId="2147483796"/>
            <pc:sldLayoutMk cId="2312767944" sldId="2147483798"/>
          </pc:sldLayoutMkLst>
          <pc:spChg chg="mod">
            <ac:chgData name="Rzhaksynskyi, Andrii" userId="6045fa21-fb7f-4140-9329-b998a4afd71e" providerId="ADAL" clId="{DF819E8C-EB20-43C6-86EA-EAAD15C608BB}" dt="2025-08-07T08:10:08.165" v="25" actId="139"/>
            <ac:spMkLst>
              <pc:docMk/>
              <pc:sldMasterMk cId="1594550698" sldId="2147483796"/>
              <pc:sldLayoutMk cId="2312767944" sldId="2147483798"/>
              <ac:spMk id="7" creationId="{1D05DC80-84C9-9ECA-3B84-3577D8D81659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170" v="27" actId="139"/>
          <pc:sldLayoutMkLst>
            <pc:docMk/>
            <pc:sldMasterMk cId="1594550698" sldId="2147483796"/>
            <pc:sldLayoutMk cId="2095468815" sldId="2147483799"/>
          </pc:sldLayoutMkLst>
          <pc:spChg chg="mod">
            <ac:chgData name="Rzhaksynskyi, Andrii" userId="6045fa21-fb7f-4140-9329-b998a4afd71e" providerId="ADAL" clId="{DF819E8C-EB20-43C6-86EA-EAAD15C608BB}" dt="2025-08-07T08:10:08.170" v="27" actId="139"/>
            <ac:spMkLst>
              <pc:docMk/>
              <pc:sldMasterMk cId="1594550698" sldId="2147483796"/>
              <pc:sldLayoutMk cId="2095468815" sldId="2147483799"/>
              <ac:spMk id="8" creationId="{F1333C1B-AD40-D53A-5A1E-EFB8C6390D49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176" v="29" actId="139"/>
          <pc:sldLayoutMkLst>
            <pc:docMk/>
            <pc:sldMasterMk cId="1594550698" sldId="2147483796"/>
            <pc:sldLayoutMk cId="3545595575" sldId="2147483800"/>
          </pc:sldLayoutMkLst>
          <pc:spChg chg="mod">
            <ac:chgData name="Rzhaksynskyi, Andrii" userId="6045fa21-fb7f-4140-9329-b998a4afd71e" providerId="ADAL" clId="{DF819E8C-EB20-43C6-86EA-EAAD15C608BB}" dt="2025-08-07T08:10:08.176" v="29" actId="139"/>
            <ac:spMkLst>
              <pc:docMk/>
              <pc:sldMasterMk cId="1594550698" sldId="2147483796"/>
              <pc:sldLayoutMk cId="3545595575" sldId="2147483800"/>
              <ac:spMk id="4" creationId="{13EDB9F6-FBDA-8ED8-A84B-244CC53CFF99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180" v="31" actId="139"/>
          <pc:sldLayoutMkLst>
            <pc:docMk/>
            <pc:sldMasterMk cId="1594550698" sldId="2147483796"/>
            <pc:sldLayoutMk cId="1406423148" sldId="2147483801"/>
          </pc:sldLayoutMkLst>
          <pc:spChg chg="mod">
            <ac:chgData name="Rzhaksynskyi, Andrii" userId="6045fa21-fb7f-4140-9329-b998a4afd71e" providerId="ADAL" clId="{DF819E8C-EB20-43C6-86EA-EAAD15C608BB}" dt="2025-08-07T08:10:08.180" v="31" actId="139"/>
            <ac:spMkLst>
              <pc:docMk/>
              <pc:sldMasterMk cId="1594550698" sldId="2147483796"/>
              <pc:sldLayoutMk cId="1406423148" sldId="2147483801"/>
              <ac:spMk id="9" creationId="{CE0C2033-6FDF-7DD6-E25C-C03296FDAD00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186" v="33" actId="139"/>
          <pc:sldLayoutMkLst>
            <pc:docMk/>
            <pc:sldMasterMk cId="1594550698" sldId="2147483796"/>
            <pc:sldLayoutMk cId="1151494991" sldId="2147483802"/>
          </pc:sldLayoutMkLst>
          <pc:spChg chg="mod">
            <ac:chgData name="Rzhaksynskyi, Andrii" userId="6045fa21-fb7f-4140-9329-b998a4afd71e" providerId="ADAL" clId="{DF819E8C-EB20-43C6-86EA-EAAD15C608BB}" dt="2025-08-07T08:10:08.186" v="33" actId="139"/>
            <ac:spMkLst>
              <pc:docMk/>
              <pc:sldMasterMk cId="1594550698" sldId="2147483796"/>
              <pc:sldLayoutMk cId="1151494991" sldId="2147483802"/>
              <ac:spMk id="11" creationId="{62D91ACB-BD14-46CB-4B61-F4B072D877C0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190" v="35" actId="139"/>
          <pc:sldLayoutMkLst>
            <pc:docMk/>
            <pc:sldMasterMk cId="1594550698" sldId="2147483796"/>
            <pc:sldLayoutMk cId="1097781199" sldId="2147483803"/>
          </pc:sldLayoutMkLst>
          <pc:spChg chg="mod">
            <ac:chgData name="Rzhaksynskyi, Andrii" userId="6045fa21-fb7f-4140-9329-b998a4afd71e" providerId="ADAL" clId="{DF819E8C-EB20-43C6-86EA-EAAD15C608BB}" dt="2025-08-07T08:10:08.190" v="35" actId="139"/>
            <ac:spMkLst>
              <pc:docMk/>
              <pc:sldMasterMk cId="1594550698" sldId="2147483796"/>
              <pc:sldLayoutMk cId="1097781199" sldId="2147483803"/>
              <ac:spMk id="3" creationId="{D417CEF6-1FCD-75B6-FA13-C583ECCE7BE5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196" v="37" actId="139"/>
          <pc:sldLayoutMkLst>
            <pc:docMk/>
            <pc:sldMasterMk cId="1594550698" sldId="2147483796"/>
            <pc:sldLayoutMk cId="1863465907" sldId="2147483804"/>
          </pc:sldLayoutMkLst>
          <pc:spChg chg="mod">
            <ac:chgData name="Rzhaksynskyi, Andrii" userId="6045fa21-fb7f-4140-9329-b998a4afd71e" providerId="ADAL" clId="{DF819E8C-EB20-43C6-86EA-EAAD15C608BB}" dt="2025-08-07T08:10:08.196" v="37" actId="139"/>
            <ac:spMkLst>
              <pc:docMk/>
              <pc:sldMasterMk cId="1594550698" sldId="2147483796"/>
              <pc:sldLayoutMk cId="1863465907" sldId="2147483804"/>
              <ac:spMk id="3" creationId="{D67AB148-356D-F356-4E6C-9664D9EB9DF3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200" v="39" actId="139"/>
          <pc:sldLayoutMkLst>
            <pc:docMk/>
            <pc:sldMasterMk cId="1594550698" sldId="2147483796"/>
            <pc:sldLayoutMk cId="2477827549" sldId="2147483805"/>
          </pc:sldLayoutMkLst>
          <pc:spChg chg="mod">
            <ac:chgData name="Rzhaksynskyi, Andrii" userId="6045fa21-fb7f-4140-9329-b998a4afd71e" providerId="ADAL" clId="{DF819E8C-EB20-43C6-86EA-EAAD15C608BB}" dt="2025-08-07T08:10:08.200" v="39" actId="139"/>
            <ac:spMkLst>
              <pc:docMk/>
              <pc:sldMasterMk cId="1594550698" sldId="2147483796"/>
              <pc:sldLayoutMk cId="2477827549" sldId="2147483805"/>
              <ac:spMk id="3" creationId="{BBFBBDC3-D031-6041-465D-9F7147F423CF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206" v="41" actId="139"/>
          <pc:sldLayoutMkLst>
            <pc:docMk/>
            <pc:sldMasterMk cId="1594550698" sldId="2147483796"/>
            <pc:sldLayoutMk cId="2541708353" sldId="2147483806"/>
          </pc:sldLayoutMkLst>
          <pc:spChg chg="mod">
            <ac:chgData name="Rzhaksynskyi, Andrii" userId="6045fa21-fb7f-4140-9329-b998a4afd71e" providerId="ADAL" clId="{DF819E8C-EB20-43C6-86EA-EAAD15C608BB}" dt="2025-08-07T08:10:08.206" v="41" actId="139"/>
            <ac:spMkLst>
              <pc:docMk/>
              <pc:sldMasterMk cId="1594550698" sldId="2147483796"/>
              <pc:sldLayoutMk cId="2541708353" sldId="2147483806"/>
              <ac:spMk id="3" creationId="{4A078429-99DD-7555-B0F4-FEF46FD297B0}"/>
            </ac:spMkLst>
          </pc:spChg>
        </pc:sldLayoutChg>
        <pc:sldLayoutChg chg="modSp mod">
          <pc:chgData name="Rzhaksynskyi, Andrii" userId="6045fa21-fb7f-4140-9329-b998a4afd71e" providerId="ADAL" clId="{DF819E8C-EB20-43C6-86EA-EAAD15C608BB}" dt="2025-08-07T08:10:08.211" v="43" actId="139"/>
          <pc:sldLayoutMkLst>
            <pc:docMk/>
            <pc:sldMasterMk cId="1594550698" sldId="2147483796"/>
            <pc:sldLayoutMk cId="108062703" sldId="2147483807"/>
          </pc:sldLayoutMkLst>
          <pc:spChg chg="mod">
            <ac:chgData name="Rzhaksynskyi, Andrii" userId="6045fa21-fb7f-4140-9329-b998a4afd71e" providerId="ADAL" clId="{DF819E8C-EB20-43C6-86EA-EAAD15C608BB}" dt="2025-08-07T08:10:08.211" v="43" actId="139"/>
            <ac:spMkLst>
              <pc:docMk/>
              <pc:sldMasterMk cId="1594550698" sldId="2147483796"/>
              <pc:sldLayoutMk cId="108062703" sldId="2147483807"/>
              <ac:spMk id="5" creationId="{7A6CB977-D711-D436-9DC2-AAFCC56F9CAA}"/>
            </ac:spMkLst>
          </pc:spChg>
        </pc:sldLayoutChg>
      </pc:sldMasterChg>
    </pc:docChg>
  </pc:docChgLst>
  <pc:docChgLst>
    <pc:chgData name="Rzhaksynskyi, Andrii" userId="6045fa21-fb7f-4140-9329-b998a4afd71e" providerId="ADAL" clId="{763ABC0D-7ADC-4542-9AF8-FCE21E5DB8BA}"/>
    <pc:docChg chg="undo custSel addSld delSld modSld sldOrd modMainMaster modSection">
      <pc:chgData name="Rzhaksynskyi, Andrii" userId="6045fa21-fb7f-4140-9329-b998a4afd71e" providerId="ADAL" clId="{763ABC0D-7ADC-4542-9AF8-FCE21E5DB8BA}" dt="2025-04-16T09:52:52.762" v="1233" actId="20577"/>
      <pc:docMkLst>
        <pc:docMk/>
      </pc:docMkLst>
      <pc:sldChg chg="addSp modSp add mod">
        <pc:chgData name="Rzhaksynskyi, Andrii" userId="6045fa21-fb7f-4140-9329-b998a4afd71e" providerId="ADAL" clId="{763ABC0D-7ADC-4542-9AF8-FCE21E5DB8BA}" dt="2025-04-16T09:48:40.211" v="1156" actId="14100"/>
        <pc:sldMkLst>
          <pc:docMk/>
          <pc:sldMk cId="4068059900" sldId="366"/>
        </pc:sldMkLst>
      </pc:sldChg>
      <pc:sldChg chg="modSp mod">
        <pc:chgData name="Rzhaksynskyi, Andrii" userId="6045fa21-fb7f-4140-9329-b998a4afd71e" providerId="ADAL" clId="{763ABC0D-7ADC-4542-9AF8-FCE21E5DB8BA}" dt="2025-04-15T17:45:24.691" v="1048" actId="139"/>
        <pc:sldMkLst>
          <pc:docMk/>
          <pc:sldMk cId="3316874168" sldId="402"/>
        </pc:sldMkLst>
      </pc:sldChg>
      <pc:sldChg chg="del">
        <pc:chgData name="Rzhaksynskyi, Andrii" userId="6045fa21-fb7f-4140-9329-b998a4afd71e" providerId="ADAL" clId="{763ABC0D-7ADC-4542-9AF8-FCE21E5DB8BA}" dt="2025-04-15T10:33:22.615" v="44" actId="47"/>
        <pc:sldMkLst>
          <pc:docMk/>
          <pc:sldMk cId="135513571" sldId="2147483508"/>
        </pc:sldMkLst>
      </pc:sldChg>
      <pc:sldChg chg="del">
        <pc:chgData name="Rzhaksynskyi, Andrii" userId="6045fa21-fb7f-4140-9329-b998a4afd71e" providerId="ADAL" clId="{763ABC0D-7ADC-4542-9AF8-FCE21E5DB8BA}" dt="2025-04-15T10:33:22.615" v="44" actId="47"/>
        <pc:sldMkLst>
          <pc:docMk/>
          <pc:sldMk cId="3472305926" sldId="2147483509"/>
        </pc:sldMkLst>
      </pc:sldChg>
      <pc:sldChg chg="addSp modSp mod ord">
        <pc:chgData name="Rzhaksynskyi, Andrii" userId="6045fa21-fb7f-4140-9329-b998a4afd71e" providerId="ADAL" clId="{763ABC0D-7ADC-4542-9AF8-FCE21E5DB8BA}" dt="2025-04-16T09:49:28.431" v="1185" actId="6549"/>
        <pc:sldMkLst>
          <pc:docMk/>
          <pc:sldMk cId="719511459" sldId="2147483514"/>
        </pc:sldMkLst>
      </pc:sldChg>
      <pc:sldChg chg="del">
        <pc:chgData name="Rzhaksynskyi, Andrii" userId="6045fa21-fb7f-4140-9329-b998a4afd71e" providerId="ADAL" clId="{763ABC0D-7ADC-4542-9AF8-FCE21E5DB8BA}" dt="2025-04-15T13:02:11.714" v="530" actId="47"/>
        <pc:sldMkLst>
          <pc:docMk/>
          <pc:sldMk cId="3411114597" sldId="2147483515"/>
        </pc:sldMkLst>
      </pc:sldChg>
      <pc:sldChg chg="add del">
        <pc:chgData name="Rzhaksynskyi, Andrii" userId="6045fa21-fb7f-4140-9329-b998a4afd71e" providerId="ADAL" clId="{763ABC0D-7ADC-4542-9AF8-FCE21E5DB8BA}" dt="2025-04-15T13:02:11.714" v="530" actId="47"/>
        <pc:sldMkLst>
          <pc:docMk/>
          <pc:sldMk cId="2495875946" sldId="2147483517"/>
        </pc:sldMkLst>
      </pc:sldChg>
      <pc:sldChg chg="add del">
        <pc:chgData name="Rzhaksynskyi, Andrii" userId="6045fa21-fb7f-4140-9329-b998a4afd71e" providerId="ADAL" clId="{763ABC0D-7ADC-4542-9AF8-FCE21E5DB8BA}" dt="2025-04-15T13:02:11.714" v="530" actId="47"/>
        <pc:sldMkLst>
          <pc:docMk/>
          <pc:sldMk cId="38180588" sldId="2147483518"/>
        </pc:sldMkLst>
      </pc:sldChg>
      <pc:sldChg chg="add del">
        <pc:chgData name="Rzhaksynskyi, Andrii" userId="6045fa21-fb7f-4140-9329-b998a4afd71e" providerId="ADAL" clId="{763ABC0D-7ADC-4542-9AF8-FCE21E5DB8BA}" dt="2025-04-15T13:02:11.714" v="530" actId="47"/>
        <pc:sldMkLst>
          <pc:docMk/>
          <pc:sldMk cId="2412996963" sldId="2147483519"/>
        </pc:sldMkLst>
      </pc:sldChg>
      <pc:sldChg chg="add del mod ord modShow">
        <pc:chgData name="Rzhaksynskyi, Andrii" userId="6045fa21-fb7f-4140-9329-b998a4afd71e" providerId="ADAL" clId="{763ABC0D-7ADC-4542-9AF8-FCE21E5DB8BA}" dt="2025-04-16T09:52:24.778" v="1231"/>
        <pc:sldMkLst>
          <pc:docMk/>
          <pc:sldMk cId="3766411186" sldId="2147483520"/>
        </pc:sldMkLst>
      </pc:sldChg>
      <pc:sldChg chg="addSp delSp modSp add del mod ord">
        <pc:chgData name="Rzhaksynskyi, Andrii" userId="6045fa21-fb7f-4140-9329-b998a4afd71e" providerId="ADAL" clId="{763ABC0D-7ADC-4542-9AF8-FCE21E5DB8BA}" dt="2025-04-16T09:49:54.710" v="1186" actId="47"/>
        <pc:sldMkLst>
          <pc:docMk/>
          <pc:sldMk cId="345472457" sldId="2147483521"/>
        </pc:sldMkLst>
      </pc:sldChg>
      <pc:sldChg chg="add del">
        <pc:chgData name="Rzhaksynskyi, Andrii" userId="6045fa21-fb7f-4140-9329-b998a4afd71e" providerId="ADAL" clId="{763ABC0D-7ADC-4542-9AF8-FCE21E5DB8BA}" dt="2025-04-15T13:02:11.714" v="530" actId="47"/>
        <pc:sldMkLst>
          <pc:docMk/>
          <pc:sldMk cId="3024646828" sldId="2147483521"/>
        </pc:sldMkLst>
      </pc:sldChg>
      <pc:sldChg chg="addSp delSp modSp add mod">
        <pc:chgData name="Rzhaksynskyi, Andrii" userId="6045fa21-fb7f-4140-9329-b998a4afd71e" providerId="ADAL" clId="{763ABC0D-7ADC-4542-9AF8-FCE21E5DB8BA}" dt="2025-04-15T13:25:21.087" v="816" actId="20577"/>
        <pc:sldMkLst>
          <pc:docMk/>
          <pc:sldMk cId="954662958" sldId="2147483522"/>
        </pc:sldMkLst>
      </pc:sldChg>
      <pc:sldChg chg="add del">
        <pc:chgData name="Rzhaksynskyi, Andrii" userId="6045fa21-fb7f-4140-9329-b998a4afd71e" providerId="ADAL" clId="{763ABC0D-7ADC-4542-9AF8-FCE21E5DB8BA}" dt="2025-04-15T13:02:11.714" v="530" actId="47"/>
        <pc:sldMkLst>
          <pc:docMk/>
          <pc:sldMk cId="2469998731" sldId="2147483522"/>
        </pc:sldMkLst>
      </pc:sldChg>
      <pc:sldChg chg="add del">
        <pc:chgData name="Rzhaksynskyi, Andrii" userId="6045fa21-fb7f-4140-9329-b998a4afd71e" providerId="ADAL" clId="{763ABC0D-7ADC-4542-9AF8-FCE21E5DB8BA}" dt="2025-04-15T13:02:11.714" v="530" actId="47"/>
        <pc:sldMkLst>
          <pc:docMk/>
          <pc:sldMk cId="2091361383" sldId="2147483523"/>
        </pc:sldMkLst>
      </pc:sldChg>
      <pc:sldChg chg="addSp delSp modSp add mod ord">
        <pc:chgData name="Rzhaksynskyi, Andrii" userId="6045fa21-fb7f-4140-9329-b998a4afd71e" providerId="ADAL" clId="{763ABC0D-7ADC-4542-9AF8-FCE21E5DB8BA}" dt="2025-04-15T14:28:04.631" v="1002" actId="14100"/>
        <pc:sldMkLst>
          <pc:docMk/>
          <pc:sldMk cId="2457237376" sldId="2147483523"/>
        </pc:sldMkLst>
      </pc:sldChg>
      <pc:sldChg chg="add del">
        <pc:chgData name="Rzhaksynskyi, Andrii" userId="6045fa21-fb7f-4140-9329-b998a4afd71e" providerId="ADAL" clId="{763ABC0D-7ADC-4542-9AF8-FCE21E5DB8BA}" dt="2025-04-15T13:02:11.714" v="530" actId="47"/>
        <pc:sldMkLst>
          <pc:docMk/>
          <pc:sldMk cId="1545820926" sldId="2147483524"/>
        </pc:sldMkLst>
      </pc:sldChg>
      <pc:sldChg chg="addSp delSp modSp add mod">
        <pc:chgData name="Rzhaksynskyi, Andrii" userId="6045fa21-fb7f-4140-9329-b998a4afd71e" providerId="ADAL" clId="{763ABC0D-7ADC-4542-9AF8-FCE21E5DB8BA}" dt="2025-04-15T14:19:00.166" v="994" actId="20577"/>
        <pc:sldMkLst>
          <pc:docMk/>
          <pc:sldMk cId="3140325023" sldId="2147483524"/>
        </pc:sldMkLst>
      </pc:sldChg>
      <pc:sldChg chg="del">
        <pc:chgData name="Rzhaksynskyi, Andrii" userId="6045fa21-fb7f-4140-9329-b998a4afd71e" providerId="ADAL" clId="{763ABC0D-7ADC-4542-9AF8-FCE21E5DB8BA}" dt="2025-04-15T10:33:22.615" v="44" actId="47"/>
        <pc:sldMkLst>
          <pc:docMk/>
          <pc:sldMk cId="1332551102" sldId="2147483525"/>
        </pc:sldMkLst>
      </pc:sldChg>
      <pc:sldChg chg="addSp delSp modSp add mod">
        <pc:chgData name="Rzhaksynskyi, Andrii" userId="6045fa21-fb7f-4140-9329-b998a4afd71e" providerId="ADAL" clId="{763ABC0D-7ADC-4542-9AF8-FCE21E5DB8BA}" dt="2025-04-15T14:22:57.572" v="1000" actId="14100"/>
        <pc:sldMkLst>
          <pc:docMk/>
          <pc:sldMk cId="2407312311" sldId="2147483525"/>
        </pc:sldMkLst>
      </pc:sldChg>
      <pc:sldChg chg="add del">
        <pc:chgData name="Rzhaksynskyi, Andrii" userId="6045fa21-fb7f-4140-9329-b998a4afd71e" providerId="ADAL" clId="{763ABC0D-7ADC-4542-9AF8-FCE21E5DB8BA}" dt="2025-04-15T13:02:11.714" v="530" actId="47"/>
        <pc:sldMkLst>
          <pc:docMk/>
          <pc:sldMk cId="2177436668" sldId="2147483526"/>
        </pc:sldMkLst>
      </pc:sldChg>
      <pc:sldChg chg="modSp add del mod">
        <pc:chgData name="Rzhaksynskyi, Andrii" userId="6045fa21-fb7f-4140-9329-b998a4afd71e" providerId="ADAL" clId="{763ABC0D-7ADC-4542-9AF8-FCE21E5DB8BA}" dt="2025-04-16T09:49:14.660" v="1180" actId="47"/>
        <pc:sldMkLst>
          <pc:docMk/>
          <pc:sldMk cId="2888824706" sldId="2147483526"/>
        </pc:sldMkLst>
      </pc:sldChg>
      <pc:sldChg chg="add del">
        <pc:chgData name="Rzhaksynskyi, Andrii" userId="6045fa21-fb7f-4140-9329-b998a4afd71e" providerId="ADAL" clId="{763ABC0D-7ADC-4542-9AF8-FCE21E5DB8BA}" dt="2025-04-15T13:02:11.714" v="530" actId="47"/>
        <pc:sldMkLst>
          <pc:docMk/>
          <pc:sldMk cId="3916371454" sldId="2147483527"/>
        </pc:sldMkLst>
      </pc:sldChg>
      <pc:sldChg chg="modSp add del mod">
        <pc:chgData name="Rzhaksynskyi, Andrii" userId="6045fa21-fb7f-4140-9329-b998a4afd71e" providerId="ADAL" clId="{763ABC0D-7ADC-4542-9AF8-FCE21E5DB8BA}" dt="2025-04-16T09:51:41.876" v="1219" actId="47"/>
        <pc:sldMkLst>
          <pc:docMk/>
          <pc:sldMk cId="4007382057" sldId="2147483527"/>
        </pc:sldMkLst>
      </pc:sldChg>
      <pc:sldChg chg="add del">
        <pc:chgData name="Rzhaksynskyi, Andrii" userId="6045fa21-fb7f-4140-9329-b998a4afd71e" providerId="ADAL" clId="{763ABC0D-7ADC-4542-9AF8-FCE21E5DB8BA}" dt="2025-04-15T13:02:11.714" v="530" actId="47"/>
        <pc:sldMkLst>
          <pc:docMk/>
          <pc:sldMk cId="1403948169" sldId="2147483528"/>
        </pc:sldMkLst>
      </pc:sldChg>
      <pc:sldChg chg="add ord">
        <pc:chgData name="Rzhaksynskyi, Andrii" userId="6045fa21-fb7f-4140-9329-b998a4afd71e" providerId="ADAL" clId="{763ABC0D-7ADC-4542-9AF8-FCE21E5DB8BA}" dt="2025-04-16T09:46:25.530" v="1097"/>
        <pc:sldMkLst>
          <pc:docMk/>
          <pc:sldMk cId="3771613145" sldId="2147483528"/>
        </pc:sldMkLst>
      </pc:sldChg>
      <pc:sldChg chg="addSp delSp modSp add del mod">
        <pc:chgData name="Rzhaksynskyi, Andrii" userId="6045fa21-fb7f-4140-9329-b998a4afd71e" providerId="ADAL" clId="{763ABC0D-7ADC-4542-9AF8-FCE21E5DB8BA}" dt="2025-04-16T09:51:37.063" v="1218" actId="47"/>
        <pc:sldMkLst>
          <pc:docMk/>
          <pc:sldMk cId="3024322444" sldId="2147483529"/>
        </pc:sldMkLst>
      </pc:sldChg>
      <pc:sldChg chg="modSp add mod">
        <pc:chgData name="Rzhaksynskyi, Andrii" userId="6045fa21-fb7f-4140-9329-b998a4afd71e" providerId="ADAL" clId="{763ABC0D-7ADC-4542-9AF8-FCE21E5DB8BA}" dt="2025-04-16T09:51:00.251" v="1214" actId="207"/>
        <pc:sldMkLst>
          <pc:docMk/>
          <pc:sldMk cId="3284499739" sldId="2147483530"/>
        </pc:sldMkLst>
      </pc:sldChg>
      <pc:sldChg chg="modSp add mod">
        <pc:chgData name="Rzhaksynskyi, Andrii" userId="6045fa21-fb7f-4140-9329-b998a4afd71e" providerId="ADAL" clId="{763ABC0D-7ADC-4542-9AF8-FCE21E5DB8BA}" dt="2025-04-16T09:51:14.590" v="1217" actId="207"/>
        <pc:sldMkLst>
          <pc:docMk/>
          <pc:sldMk cId="1434992316" sldId="2147483531"/>
        </pc:sldMkLst>
      </pc:sldChg>
      <pc:sldChg chg="modSp add mod">
        <pc:chgData name="Rzhaksynskyi, Andrii" userId="6045fa21-fb7f-4140-9329-b998a4afd71e" providerId="ADAL" clId="{763ABC0D-7ADC-4542-9AF8-FCE21E5DB8BA}" dt="2025-04-16T09:52:15.257" v="1227" actId="207"/>
        <pc:sldMkLst>
          <pc:docMk/>
          <pc:sldMk cId="4131444531" sldId="2147483532"/>
        </pc:sldMkLst>
      </pc:sldChg>
      <pc:sldChg chg="delSp modSp add mod">
        <pc:chgData name="Rzhaksynskyi, Andrii" userId="6045fa21-fb7f-4140-9329-b998a4afd71e" providerId="ADAL" clId="{763ABC0D-7ADC-4542-9AF8-FCE21E5DB8BA}" dt="2025-04-16T09:52:01.322" v="1226" actId="478"/>
        <pc:sldMkLst>
          <pc:docMk/>
          <pc:sldMk cId="2931656147" sldId="2147483533"/>
        </pc:sldMkLst>
      </pc:sldChg>
      <pc:sldChg chg="add">
        <pc:chgData name="Rzhaksynskyi, Andrii" userId="6045fa21-fb7f-4140-9329-b998a4afd71e" providerId="ADAL" clId="{763ABC0D-7ADC-4542-9AF8-FCE21E5DB8BA}" dt="2025-04-16T09:52:18.518" v="1228"/>
        <pc:sldMkLst>
          <pc:docMk/>
          <pc:sldMk cId="3224129149" sldId="2147483534"/>
        </pc:sldMkLst>
      </pc:sldChg>
      <pc:sldMasterChg chg="modSldLayout">
        <pc:chgData name="Rzhaksynskyi, Andrii" userId="6045fa21-fb7f-4140-9329-b998a4afd71e" providerId="ADAL" clId="{763ABC0D-7ADC-4542-9AF8-FCE21E5DB8BA}" dt="2025-04-15T17:45:24.707" v="1068" actId="139"/>
        <pc:sldMasterMkLst>
          <pc:docMk/>
          <pc:sldMasterMk cId="3408294523" sldId="2147483733"/>
        </pc:sldMasterMkLst>
        <pc:sldLayoutChg chg="modSp mod">
          <pc:chgData name="Rzhaksynskyi, Andrii" userId="6045fa21-fb7f-4140-9329-b998a4afd71e" providerId="ADAL" clId="{763ABC0D-7ADC-4542-9AF8-FCE21E5DB8BA}" dt="2025-04-15T17:45:24.697" v="1054" actId="139"/>
          <pc:sldLayoutMkLst>
            <pc:docMk/>
            <pc:sldMasterMk cId="3408294523" sldId="2147483733"/>
            <pc:sldLayoutMk cId="1084997862" sldId="2147483777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694" v="1050" actId="139"/>
          <pc:sldLayoutMkLst>
            <pc:docMk/>
            <pc:sldMasterMk cId="3408294523" sldId="2147483733"/>
            <pc:sldLayoutMk cId="2667257257" sldId="2147483780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695" v="1052" actId="139"/>
          <pc:sldLayoutMkLst>
            <pc:docMk/>
            <pc:sldMasterMk cId="3408294523" sldId="2147483733"/>
            <pc:sldLayoutMk cId="277845837" sldId="2147483787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698" v="1056" actId="139"/>
          <pc:sldLayoutMkLst>
            <pc:docMk/>
            <pc:sldMasterMk cId="3408294523" sldId="2147483733"/>
            <pc:sldLayoutMk cId="2183850539" sldId="2147483788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699" v="1058" actId="139"/>
          <pc:sldLayoutMkLst>
            <pc:docMk/>
            <pc:sldMasterMk cId="3408294523" sldId="2147483733"/>
            <pc:sldLayoutMk cId="1554761476" sldId="2147483789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02" v="1060" actId="139"/>
          <pc:sldLayoutMkLst>
            <pc:docMk/>
            <pc:sldMasterMk cId="3408294523" sldId="2147483733"/>
            <pc:sldLayoutMk cId="1315975548" sldId="2147483790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03" v="1062" actId="139"/>
          <pc:sldLayoutMkLst>
            <pc:docMk/>
            <pc:sldMasterMk cId="3408294523" sldId="2147483733"/>
            <pc:sldLayoutMk cId="4293282121" sldId="2147483791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05" v="1064" actId="139"/>
          <pc:sldLayoutMkLst>
            <pc:docMk/>
            <pc:sldMasterMk cId="3408294523" sldId="2147483733"/>
            <pc:sldLayoutMk cId="2910220013" sldId="2147483792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06" v="1066" actId="139"/>
          <pc:sldLayoutMkLst>
            <pc:docMk/>
            <pc:sldMasterMk cId="3408294523" sldId="2147483733"/>
            <pc:sldLayoutMk cId="1043655704" sldId="2147483793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07" v="1068" actId="139"/>
          <pc:sldLayoutMkLst>
            <pc:docMk/>
            <pc:sldMasterMk cId="3408294523" sldId="2147483733"/>
            <pc:sldLayoutMk cId="1979749642" sldId="2147483794"/>
          </pc:sldLayoutMkLst>
        </pc:sldLayoutChg>
      </pc:sldMasterChg>
      <pc:sldMasterChg chg="modSldLayout">
        <pc:chgData name="Rzhaksynskyi, Andrii" userId="6045fa21-fb7f-4140-9329-b998a4afd71e" providerId="ADAL" clId="{763ABC0D-7ADC-4542-9AF8-FCE21E5DB8BA}" dt="2025-04-16T09:52:52.762" v="1233" actId="20577"/>
        <pc:sldMasterMkLst>
          <pc:docMk/>
          <pc:sldMasterMk cId="1594550698" sldId="2147483796"/>
        </pc:sldMasterMkLst>
        <pc:sldLayoutChg chg="modSp mod">
          <pc:chgData name="Rzhaksynskyi, Andrii" userId="6045fa21-fb7f-4140-9329-b998a4afd71e" providerId="ADAL" clId="{763ABC0D-7ADC-4542-9AF8-FCE21E5DB8BA}" dt="2025-04-15T17:45:24.709" v="1070" actId="139"/>
          <pc:sldLayoutMkLst>
            <pc:docMk/>
            <pc:sldMasterMk cId="1594550698" sldId="2147483796"/>
            <pc:sldLayoutMk cId="610135273" sldId="2147483797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10" v="1072" actId="139"/>
          <pc:sldLayoutMkLst>
            <pc:docMk/>
            <pc:sldMasterMk cId="1594550698" sldId="2147483796"/>
            <pc:sldLayoutMk cId="2312767944" sldId="2147483798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11" v="1074" actId="139"/>
          <pc:sldLayoutMkLst>
            <pc:docMk/>
            <pc:sldMasterMk cId="1594550698" sldId="2147483796"/>
            <pc:sldLayoutMk cId="2095468815" sldId="2147483799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12" v="1076" actId="139"/>
          <pc:sldLayoutMkLst>
            <pc:docMk/>
            <pc:sldMasterMk cId="1594550698" sldId="2147483796"/>
            <pc:sldLayoutMk cId="3545595575" sldId="2147483800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14" v="1078" actId="139"/>
          <pc:sldLayoutMkLst>
            <pc:docMk/>
            <pc:sldMasterMk cId="1594550698" sldId="2147483796"/>
            <pc:sldLayoutMk cId="1406423148" sldId="2147483801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15" v="1080" actId="139"/>
          <pc:sldLayoutMkLst>
            <pc:docMk/>
            <pc:sldMasterMk cId="1594550698" sldId="2147483796"/>
            <pc:sldLayoutMk cId="1151494991" sldId="2147483802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16" v="1082" actId="139"/>
          <pc:sldLayoutMkLst>
            <pc:docMk/>
            <pc:sldMasterMk cId="1594550698" sldId="2147483796"/>
            <pc:sldLayoutMk cId="1097781199" sldId="2147483803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17" v="1084" actId="139"/>
          <pc:sldLayoutMkLst>
            <pc:docMk/>
            <pc:sldMasterMk cId="1594550698" sldId="2147483796"/>
            <pc:sldLayoutMk cId="1863465907" sldId="2147483804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18" v="1086" actId="139"/>
          <pc:sldLayoutMkLst>
            <pc:docMk/>
            <pc:sldMasterMk cId="1594550698" sldId="2147483796"/>
            <pc:sldLayoutMk cId="2477827549" sldId="2147483805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19" v="1088" actId="139"/>
          <pc:sldLayoutMkLst>
            <pc:docMk/>
            <pc:sldMasterMk cId="1594550698" sldId="2147483796"/>
            <pc:sldLayoutMk cId="2541708353" sldId="2147483806"/>
          </pc:sldLayoutMkLst>
        </pc:sldLayoutChg>
        <pc:sldLayoutChg chg="modSp mod">
          <pc:chgData name="Rzhaksynskyi, Andrii" userId="6045fa21-fb7f-4140-9329-b998a4afd71e" providerId="ADAL" clId="{763ABC0D-7ADC-4542-9AF8-FCE21E5DB8BA}" dt="2025-04-15T17:45:24.720" v="1090" actId="139"/>
          <pc:sldLayoutMkLst>
            <pc:docMk/>
            <pc:sldMasterMk cId="1594550698" sldId="2147483796"/>
            <pc:sldLayoutMk cId="108062703" sldId="2147483807"/>
          </pc:sldLayoutMkLst>
        </pc:sldLayoutChg>
        <pc:sldLayoutChg chg="modSp mod">
          <pc:chgData name="Rzhaksynskyi, Andrii" userId="6045fa21-fb7f-4140-9329-b998a4afd71e" providerId="ADAL" clId="{763ABC0D-7ADC-4542-9AF8-FCE21E5DB8BA}" dt="2025-04-16T09:52:52.762" v="1233" actId="20577"/>
          <pc:sldLayoutMkLst>
            <pc:docMk/>
            <pc:sldMasterMk cId="1594550698" sldId="2147483796"/>
            <pc:sldLayoutMk cId="1391130207" sldId="2147483825"/>
          </pc:sldLayoutMkLst>
        </pc:sldLayoutChg>
      </pc:sldMasterChg>
    </pc:docChg>
  </pc:docChgLst>
  <pc:docChgLst>
    <pc:chgData name="Rzhaksynskyi, Andrii" userId="6045fa21-fb7f-4140-9329-b998a4afd71e" providerId="ADAL" clId="{8093D1F9-40B0-4826-A076-7BD5282E88FA}"/>
    <pc:docChg chg="undo custSel addSld modSld sldOrd modMainMaster addSection modSection">
      <pc:chgData name="Rzhaksynskyi, Andrii" userId="6045fa21-fb7f-4140-9329-b998a4afd71e" providerId="ADAL" clId="{8093D1F9-40B0-4826-A076-7BD5282E88FA}" dt="2025-04-15T10:26:13.681" v="1164" actId="139"/>
      <pc:docMkLst>
        <pc:docMk/>
      </pc:docMkLst>
      <pc:sldChg chg="modSp mod">
        <pc:chgData name="Rzhaksynskyi, Andrii" userId="6045fa21-fb7f-4140-9329-b998a4afd71e" providerId="ADAL" clId="{8093D1F9-40B0-4826-A076-7BD5282E88FA}" dt="2025-04-15T10:26:13.463" v="1122" actId="139"/>
        <pc:sldMkLst>
          <pc:docMk/>
          <pc:sldMk cId="3316874168" sldId="402"/>
        </pc:sldMkLst>
      </pc:sldChg>
      <pc:sldChg chg="modSp mod">
        <pc:chgData name="Rzhaksynskyi, Andrii" userId="6045fa21-fb7f-4140-9329-b998a4afd71e" providerId="ADAL" clId="{8093D1F9-40B0-4826-A076-7BD5282E88FA}" dt="2025-01-20T13:17:17.720" v="845" actId="1076"/>
        <pc:sldMkLst>
          <pc:docMk/>
          <pc:sldMk cId="135513571" sldId="2147483508"/>
        </pc:sldMkLst>
      </pc:sldChg>
      <pc:sldChg chg="addSp delSp modSp mod">
        <pc:chgData name="Rzhaksynskyi, Andrii" userId="6045fa21-fb7f-4140-9329-b998a4afd71e" providerId="ADAL" clId="{8093D1F9-40B0-4826-A076-7BD5282E88FA}" dt="2025-01-21T11:38:40.386" v="1044" actId="20577"/>
        <pc:sldMkLst>
          <pc:docMk/>
          <pc:sldMk cId="719511459" sldId="2147483514"/>
        </pc:sldMkLst>
      </pc:sldChg>
      <pc:sldChg chg="modSp mod">
        <pc:chgData name="Rzhaksynskyi, Andrii" userId="6045fa21-fb7f-4140-9329-b998a4afd71e" providerId="ADAL" clId="{8093D1F9-40B0-4826-A076-7BD5282E88FA}" dt="2025-01-20T13:17:34.077" v="854" actId="20577"/>
        <pc:sldMkLst>
          <pc:docMk/>
          <pc:sldMk cId="3411114597" sldId="2147483515"/>
        </pc:sldMkLst>
      </pc:sldChg>
      <pc:sldChg chg="modSp mod">
        <pc:chgData name="Rzhaksynskyi, Andrii" userId="6045fa21-fb7f-4140-9329-b998a4afd71e" providerId="ADAL" clId="{8093D1F9-40B0-4826-A076-7BD5282E88FA}" dt="2025-01-20T09:55:38.072" v="145" actId="1076"/>
        <pc:sldMkLst>
          <pc:docMk/>
          <pc:sldMk cId="38180588" sldId="2147483518"/>
        </pc:sldMkLst>
      </pc:sldChg>
      <pc:sldChg chg="modSp mod">
        <pc:chgData name="Rzhaksynskyi, Andrii" userId="6045fa21-fb7f-4140-9329-b998a4afd71e" providerId="ADAL" clId="{8093D1F9-40B0-4826-A076-7BD5282E88FA}" dt="2025-01-19T14:35:53.182" v="76" actId="20577"/>
        <pc:sldMkLst>
          <pc:docMk/>
          <pc:sldMk cId="2412996963" sldId="2147483519"/>
        </pc:sldMkLst>
      </pc:sldChg>
      <pc:sldChg chg="addSp delSp modSp mod">
        <pc:chgData name="Rzhaksynskyi, Andrii" userId="6045fa21-fb7f-4140-9329-b998a4afd71e" providerId="ADAL" clId="{8093D1F9-40B0-4826-A076-7BD5282E88FA}" dt="2025-01-20T13:18:54.967" v="867" actId="113"/>
        <pc:sldMkLst>
          <pc:docMk/>
          <pc:sldMk cId="3766411186" sldId="2147483520"/>
        </pc:sldMkLst>
      </pc:sldChg>
      <pc:sldChg chg="addSp modSp mod">
        <pc:chgData name="Rzhaksynskyi, Andrii" userId="6045fa21-fb7f-4140-9329-b998a4afd71e" providerId="ADAL" clId="{8093D1F9-40B0-4826-A076-7BD5282E88FA}" dt="2025-01-20T13:19:11.910" v="872" actId="113"/>
        <pc:sldMkLst>
          <pc:docMk/>
          <pc:sldMk cId="3024646828" sldId="2147483521"/>
        </pc:sldMkLst>
      </pc:sldChg>
      <pc:sldChg chg="addSp delSp modSp add mod">
        <pc:chgData name="Rzhaksynskyi, Andrii" userId="6045fa21-fb7f-4140-9329-b998a4afd71e" providerId="ADAL" clId="{8093D1F9-40B0-4826-A076-7BD5282E88FA}" dt="2025-01-20T09:58:45.459" v="343" actId="1076"/>
        <pc:sldMkLst>
          <pc:docMk/>
          <pc:sldMk cId="2469998731" sldId="2147483522"/>
        </pc:sldMkLst>
      </pc:sldChg>
      <pc:sldChg chg="addSp delSp modSp add mod">
        <pc:chgData name="Rzhaksynskyi, Andrii" userId="6045fa21-fb7f-4140-9329-b998a4afd71e" providerId="ADAL" clId="{8093D1F9-40B0-4826-A076-7BD5282E88FA}" dt="2025-01-19T14:35:39.492" v="71" actId="20577"/>
        <pc:sldMkLst>
          <pc:docMk/>
          <pc:sldMk cId="2091361383" sldId="2147483523"/>
        </pc:sldMkLst>
      </pc:sldChg>
      <pc:sldChg chg="addSp delSp modSp add mod">
        <pc:chgData name="Rzhaksynskyi, Andrii" userId="6045fa21-fb7f-4140-9329-b998a4afd71e" providerId="ADAL" clId="{8093D1F9-40B0-4826-A076-7BD5282E88FA}" dt="2025-01-19T14:37:11.311" v="99" actId="1076"/>
        <pc:sldMkLst>
          <pc:docMk/>
          <pc:sldMk cId="1545820926" sldId="2147483524"/>
        </pc:sldMkLst>
      </pc:sldChg>
      <pc:sldChg chg="addSp delSp modSp add mod ord modNotesTx">
        <pc:chgData name="Rzhaksynskyi, Andrii" userId="6045fa21-fb7f-4140-9329-b998a4afd71e" providerId="ADAL" clId="{8093D1F9-40B0-4826-A076-7BD5282E88FA}" dt="2025-01-20T13:28:44.494" v="951" actId="313"/>
        <pc:sldMkLst>
          <pc:docMk/>
          <pc:sldMk cId="1332551102" sldId="2147483525"/>
        </pc:sldMkLst>
      </pc:sldChg>
      <pc:sldChg chg="modSp mod">
        <pc:chgData name="Rzhaksynskyi, Andrii" userId="6045fa21-fb7f-4140-9329-b998a4afd71e" providerId="ADAL" clId="{8093D1F9-40B0-4826-A076-7BD5282E88FA}" dt="2025-01-21T11:35:00.303" v="952" actId="20577"/>
        <pc:sldMkLst>
          <pc:docMk/>
          <pc:sldMk cId="2177436668" sldId="2147483526"/>
        </pc:sldMkLst>
      </pc:sldChg>
      <pc:sldChg chg="modSp add mod ord modNotesTx">
        <pc:chgData name="Rzhaksynskyi, Andrii" userId="6045fa21-fb7f-4140-9329-b998a4afd71e" providerId="ADAL" clId="{8093D1F9-40B0-4826-A076-7BD5282E88FA}" dt="2025-01-21T15:53:47.781" v="1094" actId="20577"/>
        <pc:sldMkLst>
          <pc:docMk/>
          <pc:sldMk cId="3916371454" sldId="2147483527"/>
        </pc:sldMkLst>
      </pc:sldChg>
      <pc:sldChg chg="addSp delSp modSp add mod">
        <pc:chgData name="Rzhaksynskyi, Andrii" userId="6045fa21-fb7f-4140-9329-b998a4afd71e" providerId="ADAL" clId="{8093D1F9-40B0-4826-A076-7BD5282E88FA}" dt="2025-01-23T10:45:46.888" v="1120" actId="14734"/>
        <pc:sldMkLst>
          <pc:docMk/>
          <pc:sldMk cId="1403948169" sldId="2147483528"/>
        </pc:sldMkLst>
      </pc:sldChg>
      <pc:sldMasterChg chg="modSldLayout">
        <pc:chgData name="Rzhaksynskyi, Andrii" userId="6045fa21-fb7f-4140-9329-b998a4afd71e" providerId="ADAL" clId="{8093D1F9-40B0-4826-A076-7BD5282E88FA}" dt="2025-04-15T10:26:13.599" v="1142" actId="139"/>
        <pc:sldMasterMkLst>
          <pc:docMk/>
          <pc:sldMasterMk cId="3408294523" sldId="2147483733"/>
        </pc:sldMasterMkLst>
        <pc:sldLayoutChg chg="modSp mod">
          <pc:chgData name="Rzhaksynskyi, Andrii" userId="6045fa21-fb7f-4140-9329-b998a4afd71e" providerId="ADAL" clId="{8093D1F9-40B0-4826-A076-7BD5282E88FA}" dt="2025-04-15T10:26:13.565" v="1128" actId="139"/>
          <pc:sldLayoutMkLst>
            <pc:docMk/>
            <pc:sldMasterMk cId="3408294523" sldId="2147483733"/>
            <pc:sldLayoutMk cId="1084997862" sldId="2147483777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555" v="1124" actId="139"/>
          <pc:sldLayoutMkLst>
            <pc:docMk/>
            <pc:sldMasterMk cId="3408294523" sldId="2147483733"/>
            <pc:sldLayoutMk cId="2667257257" sldId="2147483780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560" v="1126" actId="139"/>
          <pc:sldLayoutMkLst>
            <pc:docMk/>
            <pc:sldMasterMk cId="3408294523" sldId="2147483733"/>
            <pc:sldLayoutMk cId="277845837" sldId="2147483787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570" v="1130" actId="139"/>
          <pc:sldLayoutMkLst>
            <pc:docMk/>
            <pc:sldMasterMk cId="3408294523" sldId="2147483733"/>
            <pc:sldLayoutMk cId="2183850539" sldId="2147483788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575" v="1132" actId="139"/>
          <pc:sldLayoutMkLst>
            <pc:docMk/>
            <pc:sldMasterMk cId="3408294523" sldId="2147483733"/>
            <pc:sldLayoutMk cId="1554761476" sldId="2147483789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579" v="1134" actId="139"/>
          <pc:sldLayoutMkLst>
            <pc:docMk/>
            <pc:sldMasterMk cId="3408294523" sldId="2147483733"/>
            <pc:sldLayoutMk cId="1315975548" sldId="2147483790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584" v="1136" actId="139"/>
          <pc:sldLayoutMkLst>
            <pc:docMk/>
            <pc:sldMasterMk cId="3408294523" sldId="2147483733"/>
            <pc:sldLayoutMk cId="4293282121" sldId="2147483791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590" v="1138" actId="139"/>
          <pc:sldLayoutMkLst>
            <pc:docMk/>
            <pc:sldMasterMk cId="3408294523" sldId="2147483733"/>
            <pc:sldLayoutMk cId="2910220013" sldId="2147483792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595" v="1140" actId="139"/>
          <pc:sldLayoutMkLst>
            <pc:docMk/>
            <pc:sldMasterMk cId="3408294523" sldId="2147483733"/>
            <pc:sldLayoutMk cId="1043655704" sldId="2147483793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599" v="1142" actId="139"/>
          <pc:sldLayoutMkLst>
            <pc:docMk/>
            <pc:sldMasterMk cId="3408294523" sldId="2147483733"/>
            <pc:sldLayoutMk cId="1979749642" sldId="2147483794"/>
          </pc:sldLayoutMkLst>
        </pc:sldLayoutChg>
      </pc:sldMasterChg>
      <pc:sldMasterChg chg="modSldLayout">
        <pc:chgData name="Rzhaksynskyi, Andrii" userId="6045fa21-fb7f-4140-9329-b998a4afd71e" providerId="ADAL" clId="{8093D1F9-40B0-4826-A076-7BD5282E88FA}" dt="2025-04-15T10:26:13.681" v="1164" actId="139"/>
        <pc:sldMasterMkLst>
          <pc:docMk/>
          <pc:sldMasterMk cId="1594550698" sldId="2147483796"/>
        </pc:sldMasterMkLst>
        <pc:sldLayoutChg chg="modSp mod">
          <pc:chgData name="Rzhaksynskyi, Andrii" userId="6045fa21-fb7f-4140-9329-b998a4afd71e" providerId="ADAL" clId="{8093D1F9-40B0-4826-A076-7BD5282E88FA}" dt="2025-04-15T10:26:13.630" v="1144" actId="139"/>
          <pc:sldLayoutMkLst>
            <pc:docMk/>
            <pc:sldMasterMk cId="1594550698" sldId="2147483796"/>
            <pc:sldLayoutMk cId="610135273" sldId="2147483797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635" v="1146" actId="139"/>
          <pc:sldLayoutMkLst>
            <pc:docMk/>
            <pc:sldMasterMk cId="1594550698" sldId="2147483796"/>
            <pc:sldLayoutMk cId="2312767944" sldId="2147483798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640" v="1148" actId="139"/>
          <pc:sldLayoutMkLst>
            <pc:docMk/>
            <pc:sldMasterMk cId="1594550698" sldId="2147483796"/>
            <pc:sldLayoutMk cId="2095468815" sldId="2147483799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645" v="1150" actId="139"/>
          <pc:sldLayoutMkLst>
            <pc:docMk/>
            <pc:sldMasterMk cId="1594550698" sldId="2147483796"/>
            <pc:sldLayoutMk cId="3545595575" sldId="2147483800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650" v="1152" actId="139"/>
          <pc:sldLayoutMkLst>
            <pc:docMk/>
            <pc:sldMasterMk cId="1594550698" sldId="2147483796"/>
            <pc:sldLayoutMk cId="1406423148" sldId="2147483801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656" v="1154" actId="139"/>
          <pc:sldLayoutMkLst>
            <pc:docMk/>
            <pc:sldMasterMk cId="1594550698" sldId="2147483796"/>
            <pc:sldLayoutMk cId="1151494991" sldId="2147483802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660" v="1156" actId="139"/>
          <pc:sldLayoutMkLst>
            <pc:docMk/>
            <pc:sldMasterMk cId="1594550698" sldId="2147483796"/>
            <pc:sldLayoutMk cId="1097781199" sldId="2147483803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665" v="1158" actId="139"/>
          <pc:sldLayoutMkLst>
            <pc:docMk/>
            <pc:sldMasterMk cId="1594550698" sldId="2147483796"/>
            <pc:sldLayoutMk cId="1863465907" sldId="2147483804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670" v="1160" actId="139"/>
          <pc:sldLayoutMkLst>
            <pc:docMk/>
            <pc:sldMasterMk cId="1594550698" sldId="2147483796"/>
            <pc:sldLayoutMk cId="2477827549" sldId="2147483805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675" v="1162" actId="139"/>
          <pc:sldLayoutMkLst>
            <pc:docMk/>
            <pc:sldMasterMk cId="1594550698" sldId="2147483796"/>
            <pc:sldLayoutMk cId="2541708353" sldId="2147483806"/>
          </pc:sldLayoutMkLst>
        </pc:sldLayoutChg>
        <pc:sldLayoutChg chg="modSp mod">
          <pc:chgData name="Rzhaksynskyi, Andrii" userId="6045fa21-fb7f-4140-9329-b998a4afd71e" providerId="ADAL" clId="{8093D1F9-40B0-4826-A076-7BD5282E88FA}" dt="2025-04-15T10:26:13.681" v="1164" actId="139"/>
          <pc:sldLayoutMkLst>
            <pc:docMk/>
            <pc:sldMasterMk cId="1594550698" sldId="2147483796"/>
            <pc:sldLayoutMk cId="108062703" sldId="2147483807"/>
          </pc:sldLayoutMkLst>
        </pc:sldLayoutChg>
      </pc:sldMasterChg>
    </pc:docChg>
  </pc:docChgLst>
  <pc:docChgLst>
    <pc:chgData name="Rzhaksynskyi, Andrii" userId="6045fa21-fb7f-4140-9329-b998a4afd71e" providerId="ADAL" clId="{47F757AF-05C6-4E5F-891F-6BC5E535A713}"/>
    <pc:docChg chg="undo custSel addSld delSld modSld sldOrd modMainMaster modSection">
      <pc:chgData name="Rzhaksynskyi, Andrii" userId="6045fa21-fb7f-4140-9329-b998a4afd71e" providerId="ADAL" clId="{47F757AF-05C6-4E5F-891F-6BC5E535A713}" dt="2025-08-07T14:58:58.569" v="471" actId="139"/>
      <pc:docMkLst>
        <pc:docMk/>
      </pc:docMkLst>
      <pc:sldChg chg="del">
        <pc:chgData name="Rzhaksynskyi, Andrii" userId="6045fa21-fb7f-4140-9329-b998a4afd71e" providerId="ADAL" clId="{47F757AF-05C6-4E5F-891F-6BC5E535A713}" dt="2025-08-07T08:11:45.384" v="86" actId="47"/>
        <pc:sldMkLst>
          <pc:docMk/>
          <pc:sldMk cId="4068059900" sldId="366"/>
        </pc:sldMkLst>
      </pc:sldChg>
      <pc:sldChg chg="modSp mod">
        <pc:chgData name="Rzhaksynskyi, Andrii" userId="6045fa21-fb7f-4140-9329-b998a4afd71e" providerId="ADAL" clId="{47F757AF-05C6-4E5F-891F-6BC5E535A713}" dt="2025-08-07T14:58:58.444" v="429" actId="139"/>
        <pc:sldMkLst>
          <pc:docMk/>
          <pc:sldMk cId="3316874168" sldId="402"/>
        </pc:sldMkLst>
        <pc:spChg chg="mod">
          <ac:chgData name="Rzhaksynskyi, Andrii" userId="6045fa21-fb7f-4140-9329-b998a4afd71e" providerId="ADAL" clId="{47F757AF-05C6-4E5F-891F-6BC5E535A713}" dt="2025-08-07T12:38:03.980" v="411" actId="20577"/>
          <ac:spMkLst>
            <pc:docMk/>
            <pc:sldMk cId="3316874168" sldId="402"/>
            <ac:spMk id="2" creationId="{C146DDF0-6BF3-AEB8-269C-F3807EFC4FF5}"/>
          </ac:spMkLst>
        </pc:spChg>
        <pc:spChg chg="mod">
          <ac:chgData name="Rzhaksynskyi, Andrii" userId="6045fa21-fb7f-4140-9329-b998a4afd71e" providerId="ADAL" clId="{47F757AF-05C6-4E5F-891F-6BC5E535A713}" dt="2025-08-07T08:11:07.972" v="84" actId="6549"/>
          <ac:spMkLst>
            <pc:docMk/>
            <pc:sldMk cId="3316874168" sldId="402"/>
            <ac:spMk id="3" creationId="{D4D3B4D7-FDD2-AAE3-9BBB-C79BBFC79C59}"/>
          </ac:spMkLst>
        </pc:spChg>
        <pc:spChg chg="mod">
          <ac:chgData name="Rzhaksynskyi, Andrii" userId="6045fa21-fb7f-4140-9329-b998a4afd71e" providerId="ADAL" clId="{47F757AF-05C6-4E5F-891F-6BC5E535A713}" dt="2025-08-07T14:58:58.444" v="429" actId="139"/>
          <ac:spMkLst>
            <pc:docMk/>
            <pc:sldMk cId="3316874168" sldId="402"/>
            <ac:spMk id="7" creationId="{DC2EF83C-365F-4116-31E2-585230803428}"/>
          </ac:spMkLst>
        </pc:spChg>
        <pc:spChg chg="mod">
          <ac:chgData name="Rzhaksynskyi, Andrii" userId="6045fa21-fb7f-4140-9329-b998a4afd71e" providerId="ADAL" clId="{47F757AF-05C6-4E5F-891F-6BC5E535A713}" dt="2025-08-07T08:10:54.855" v="72" actId="20577"/>
          <ac:spMkLst>
            <pc:docMk/>
            <pc:sldMk cId="3316874168" sldId="402"/>
            <ac:spMk id="14" creationId="{134752C8-1E80-B141-5BC9-264FD3E5257B}"/>
          </ac:spMkLst>
        </pc:spChg>
      </pc:sldChg>
      <pc:sldChg chg="modSp mod">
        <pc:chgData name="Rzhaksynskyi, Andrii" userId="6045fa21-fb7f-4140-9329-b998a4afd71e" providerId="ADAL" clId="{47F757AF-05C6-4E5F-891F-6BC5E535A713}" dt="2025-08-07T12:38:20.628" v="424" actId="20577"/>
        <pc:sldMkLst>
          <pc:docMk/>
          <pc:sldMk cId="719511459" sldId="2147483514"/>
        </pc:sldMkLst>
        <pc:spChg chg="mod">
          <ac:chgData name="Rzhaksynskyi, Andrii" userId="6045fa21-fb7f-4140-9329-b998a4afd71e" providerId="ADAL" clId="{47F757AF-05C6-4E5F-891F-6BC5E535A713}" dt="2025-08-07T12:38:13.431" v="412" actId="1076"/>
          <ac:spMkLst>
            <pc:docMk/>
            <pc:sldMk cId="719511459" sldId="2147483514"/>
            <ac:spMk id="2" creationId="{9F086037-5456-8C07-3BAE-BD2F4103F230}"/>
          </ac:spMkLst>
        </pc:spChg>
        <pc:spChg chg="mod">
          <ac:chgData name="Rzhaksynskyi, Andrii" userId="6045fa21-fb7f-4140-9329-b998a4afd71e" providerId="ADAL" clId="{47F757AF-05C6-4E5F-891F-6BC5E535A713}" dt="2025-08-07T12:38:20.628" v="424" actId="20577"/>
          <ac:spMkLst>
            <pc:docMk/>
            <pc:sldMk cId="719511459" sldId="2147483514"/>
            <ac:spMk id="6" creationId="{94098CC8-67A5-8D84-8625-E1B03ADC5CED}"/>
          </ac:spMkLst>
        </pc:spChg>
      </pc:sldChg>
      <pc:sldChg chg="addSp delSp modSp add mod ord">
        <pc:chgData name="Rzhaksynskyi, Andrii" userId="6045fa21-fb7f-4140-9329-b998a4afd71e" providerId="ADAL" clId="{47F757AF-05C6-4E5F-891F-6BC5E535A713}" dt="2025-08-07T11:45:09.170" v="277" actId="1076"/>
        <pc:sldMkLst>
          <pc:docMk/>
          <pc:sldMk cId="863473018" sldId="2147483515"/>
        </pc:sldMkLst>
        <pc:spChg chg="del">
          <ac:chgData name="Rzhaksynskyi, Andrii" userId="6045fa21-fb7f-4140-9329-b998a4afd71e" providerId="ADAL" clId="{47F757AF-05C6-4E5F-891F-6BC5E535A713}" dt="2025-08-07T09:33:10.056" v="148" actId="478"/>
          <ac:spMkLst>
            <pc:docMk/>
            <pc:sldMk cId="863473018" sldId="2147483515"/>
            <ac:spMk id="2" creationId="{AFDCA02E-C2F5-FF45-984E-BDA52EA7F218}"/>
          </ac:spMkLst>
        </pc:spChg>
        <pc:spChg chg="mod">
          <ac:chgData name="Rzhaksynskyi, Andrii" userId="6045fa21-fb7f-4140-9329-b998a4afd71e" providerId="ADAL" clId="{47F757AF-05C6-4E5F-891F-6BC5E535A713}" dt="2025-08-07T09:33:07.953" v="147"/>
          <ac:spMkLst>
            <pc:docMk/>
            <pc:sldMk cId="863473018" sldId="2147483515"/>
            <ac:spMk id="6" creationId="{7F7E9D05-D3FE-9043-19FE-DA2A364D8532}"/>
          </ac:spMkLst>
        </pc:spChg>
        <pc:graphicFrameChg chg="add mod modGraphic">
          <ac:chgData name="Rzhaksynskyi, Andrii" userId="6045fa21-fb7f-4140-9329-b998a4afd71e" providerId="ADAL" clId="{47F757AF-05C6-4E5F-891F-6BC5E535A713}" dt="2025-08-07T11:44:11.823" v="270" actId="14100"/>
          <ac:graphicFrameMkLst>
            <pc:docMk/>
            <pc:sldMk cId="863473018" sldId="2147483515"/>
            <ac:graphicFrameMk id="4" creationId="{4CC6546B-1059-6CF2-BE24-420DBE300851}"/>
          </ac:graphicFrameMkLst>
        </pc:graphicFrameChg>
        <pc:picChg chg="add mod modCrop">
          <ac:chgData name="Rzhaksynskyi, Andrii" userId="6045fa21-fb7f-4140-9329-b998a4afd71e" providerId="ADAL" clId="{47F757AF-05C6-4E5F-891F-6BC5E535A713}" dt="2025-08-07T11:45:09.170" v="277" actId="1076"/>
          <ac:picMkLst>
            <pc:docMk/>
            <pc:sldMk cId="863473018" sldId="2147483515"/>
            <ac:picMk id="7" creationId="{2F41385A-3323-15C2-26F0-63EB68E52567}"/>
          </ac:picMkLst>
        </pc:picChg>
      </pc:sldChg>
      <pc:sldChg chg="addSp delSp modSp add mod">
        <pc:chgData name="Rzhaksynskyi, Andrii" userId="6045fa21-fb7f-4140-9329-b998a4afd71e" providerId="ADAL" clId="{47F757AF-05C6-4E5F-891F-6BC5E535A713}" dt="2025-08-07T09:40:45.671" v="239" actId="1076"/>
        <pc:sldMkLst>
          <pc:docMk/>
          <pc:sldMk cId="654355126" sldId="2147483516"/>
        </pc:sldMkLst>
        <pc:spChg chg="mod">
          <ac:chgData name="Rzhaksynskyi, Andrii" userId="6045fa21-fb7f-4140-9329-b998a4afd71e" providerId="ADAL" clId="{47F757AF-05C6-4E5F-891F-6BC5E535A713}" dt="2025-08-07T09:40:15.640" v="231" actId="20577"/>
          <ac:spMkLst>
            <pc:docMk/>
            <pc:sldMk cId="654355126" sldId="2147483516"/>
            <ac:spMk id="6" creationId="{41CB7953-46AC-529E-77E6-6B69C77B68BC}"/>
          </ac:spMkLst>
        </pc:spChg>
        <pc:spChg chg="add mod">
          <ac:chgData name="Rzhaksynskyi, Andrii" userId="6045fa21-fb7f-4140-9329-b998a4afd71e" providerId="ADAL" clId="{47F757AF-05C6-4E5F-891F-6BC5E535A713}" dt="2025-08-07T09:40:45.671" v="239" actId="1076"/>
          <ac:spMkLst>
            <pc:docMk/>
            <pc:sldMk cId="654355126" sldId="2147483516"/>
            <ac:spMk id="8" creationId="{8C68B96C-1FFA-AE55-427E-E5B6925981E2}"/>
          </ac:spMkLst>
        </pc:spChg>
        <pc:graphicFrameChg chg="del">
          <ac:chgData name="Rzhaksynskyi, Andrii" userId="6045fa21-fb7f-4140-9329-b998a4afd71e" providerId="ADAL" clId="{47F757AF-05C6-4E5F-891F-6BC5E535A713}" dt="2025-08-07T09:40:21.376" v="232" actId="478"/>
          <ac:graphicFrameMkLst>
            <pc:docMk/>
            <pc:sldMk cId="654355126" sldId="2147483516"/>
            <ac:graphicFrameMk id="4" creationId="{93422FDC-70FC-6888-8B10-25A5B4F92C97}"/>
          </ac:graphicFrameMkLst>
        </pc:graphicFrameChg>
        <pc:picChg chg="add">
          <ac:chgData name="Rzhaksynskyi, Andrii" userId="6045fa21-fb7f-4140-9329-b998a4afd71e" providerId="ADAL" clId="{47F757AF-05C6-4E5F-891F-6BC5E535A713}" dt="2025-08-07T09:40:21.877" v="233" actId="22"/>
          <ac:picMkLst>
            <pc:docMk/>
            <pc:sldMk cId="654355126" sldId="2147483516"/>
            <ac:picMk id="5" creationId="{63D02C65-72C5-AF9D-4BF1-A55B9E6D675A}"/>
          </ac:picMkLst>
        </pc:picChg>
      </pc:sldChg>
      <pc:sldChg chg="addSp delSp modSp add mod ord">
        <pc:chgData name="Rzhaksynskyi, Andrii" userId="6045fa21-fb7f-4140-9329-b998a4afd71e" providerId="ADAL" clId="{47F757AF-05C6-4E5F-891F-6BC5E535A713}" dt="2025-08-07T11:46:14.272" v="286" actId="1076"/>
        <pc:sldMkLst>
          <pc:docMk/>
          <pc:sldMk cId="1383272971" sldId="2147483517"/>
        </pc:sldMkLst>
        <pc:spChg chg="mod">
          <ac:chgData name="Rzhaksynskyi, Andrii" userId="6045fa21-fb7f-4140-9329-b998a4afd71e" providerId="ADAL" clId="{47F757AF-05C6-4E5F-891F-6BC5E535A713}" dt="2025-08-07T11:46:11.118" v="285"/>
          <ac:spMkLst>
            <pc:docMk/>
            <pc:sldMk cId="1383272971" sldId="2147483517"/>
            <ac:spMk id="6" creationId="{A898B345-9C9F-6761-88DB-C4771E6BC7C1}"/>
          </ac:spMkLst>
        </pc:spChg>
        <pc:spChg chg="del mod">
          <ac:chgData name="Rzhaksynskyi, Andrii" userId="6045fa21-fb7f-4140-9329-b998a4afd71e" providerId="ADAL" clId="{47F757AF-05C6-4E5F-891F-6BC5E535A713}" dt="2025-08-07T11:45:45.147" v="280" actId="478"/>
          <ac:spMkLst>
            <pc:docMk/>
            <pc:sldMk cId="1383272971" sldId="2147483517"/>
            <ac:spMk id="8" creationId="{3126BDF1-AC8A-40DE-5487-6F5987FD37D9}"/>
          </ac:spMkLst>
        </pc:spChg>
        <pc:graphicFrameChg chg="add mod modGraphic">
          <ac:chgData name="Rzhaksynskyi, Andrii" userId="6045fa21-fb7f-4140-9329-b998a4afd71e" providerId="ADAL" clId="{47F757AF-05C6-4E5F-891F-6BC5E535A713}" dt="2025-08-07T11:46:14.272" v="286" actId="1076"/>
          <ac:graphicFrameMkLst>
            <pc:docMk/>
            <pc:sldMk cId="1383272971" sldId="2147483517"/>
            <ac:graphicFrameMk id="2" creationId="{10E6FF20-A75E-1807-5BE2-8E9528FF7140}"/>
          </ac:graphicFrameMkLst>
        </pc:graphicFrameChg>
        <pc:picChg chg="del">
          <ac:chgData name="Rzhaksynskyi, Andrii" userId="6045fa21-fb7f-4140-9329-b998a4afd71e" providerId="ADAL" clId="{47F757AF-05C6-4E5F-891F-6BC5E535A713}" dt="2025-08-07T11:45:32.267" v="278" actId="478"/>
          <ac:picMkLst>
            <pc:docMk/>
            <pc:sldMk cId="1383272971" sldId="2147483517"/>
            <ac:picMk id="5" creationId="{582D685B-E981-44DE-CF3E-55B9114B5DAE}"/>
          </ac:picMkLst>
        </pc:picChg>
      </pc:sldChg>
      <pc:sldChg chg="addSp delSp modSp add mod">
        <pc:chgData name="Rzhaksynskyi, Andrii" userId="6045fa21-fb7f-4140-9329-b998a4afd71e" providerId="ADAL" clId="{47F757AF-05C6-4E5F-891F-6BC5E535A713}" dt="2025-08-07T12:38:38.957" v="426" actId="1076"/>
        <pc:sldMkLst>
          <pc:docMk/>
          <pc:sldMk cId="365285545" sldId="2147483518"/>
        </pc:sldMkLst>
        <pc:spChg chg="add">
          <ac:chgData name="Rzhaksynskyi, Andrii" userId="6045fa21-fb7f-4140-9329-b998a4afd71e" providerId="ADAL" clId="{47F757AF-05C6-4E5F-891F-6BC5E535A713}" dt="2025-08-07T09:57:46.543" v="251"/>
          <ac:spMkLst>
            <pc:docMk/>
            <pc:sldMk cId="365285545" sldId="2147483518"/>
            <ac:spMk id="2" creationId="{B5FD854C-F5DC-C373-24DA-247C3FAB8F9B}"/>
          </ac:spMkLst>
        </pc:spChg>
        <pc:spChg chg="mod">
          <ac:chgData name="Rzhaksynskyi, Andrii" userId="6045fa21-fb7f-4140-9329-b998a4afd71e" providerId="ADAL" clId="{47F757AF-05C6-4E5F-891F-6BC5E535A713}" dt="2025-08-07T09:57:43.407" v="249" actId="20577"/>
          <ac:spMkLst>
            <pc:docMk/>
            <pc:sldMk cId="365285545" sldId="2147483518"/>
            <ac:spMk id="6" creationId="{1FFA3C12-AEA5-2C08-8666-8CDA47814A4C}"/>
          </ac:spMkLst>
        </pc:spChg>
        <pc:spChg chg="del">
          <ac:chgData name="Rzhaksynskyi, Andrii" userId="6045fa21-fb7f-4140-9329-b998a4afd71e" providerId="ADAL" clId="{47F757AF-05C6-4E5F-891F-6BC5E535A713}" dt="2025-08-07T09:57:56.955" v="253" actId="478"/>
          <ac:spMkLst>
            <pc:docMk/>
            <pc:sldMk cId="365285545" sldId="2147483518"/>
            <ac:spMk id="8" creationId="{9DA204B7-911A-DB05-AC9B-1A733960980E}"/>
          </ac:spMkLst>
        </pc:spChg>
        <pc:spChg chg="add mod">
          <ac:chgData name="Rzhaksynskyi, Andrii" userId="6045fa21-fb7f-4140-9329-b998a4afd71e" providerId="ADAL" clId="{47F757AF-05C6-4E5F-891F-6BC5E535A713}" dt="2025-08-07T09:58:29.313" v="263" actId="1076"/>
          <ac:spMkLst>
            <pc:docMk/>
            <pc:sldMk cId="365285545" sldId="2147483518"/>
            <ac:spMk id="9" creationId="{0A90668F-CD93-7DC6-5389-15FCDE2BB09A}"/>
          </ac:spMkLst>
        </pc:spChg>
        <pc:picChg chg="add mod">
          <ac:chgData name="Rzhaksynskyi, Andrii" userId="6045fa21-fb7f-4140-9329-b998a4afd71e" providerId="ADAL" clId="{47F757AF-05C6-4E5F-891F-6BC5E535A713}" dt="2025-08-07T12:38:38.957" v="426" actId="1076"/>
          <ac:picMkLst>
            <pc:docMk/>
            <pc:sldMk cId="365285545" sldId="2147483518"/>
            <ac:picMk id="4" creationId="{8E593182-1CCE-8885-9901-4CA306485AD4}"/>
          </ac:picMkLst>
        </pc:picChg>
        <pc:picChg chg="del">
          <ac:chgData name="Rzhaksynskyi, Andrii" userId="6045fa21-fb7f-4140-9329-b998a4afd71e" providerId="ADAL" clId="{47F757AF-05C6-4E5F-891F-6BC5E535A713}" dt="2025-08-07T09:57:45.302" v="250" actId="478"/>
          <ac:picMkLst>
            <pc:docMk/>
            <pc:sldMk cId="365285545" sldId="2147483518"/>
            <ac:picMk id="5" creationId="{4550FAB0-049A-9794-5D68-6D3B8F4610AD}"/>
          </ac:picMkLst>
        </pc:picChg>
      </pc:sldChg>
      <pc:sldChg chg="addSp delSp modSp add mod">
        <pc:chgData name="Rzhaksynskyi, Andrii" userId="6045fa21-fb7f-4140-9329-b998a4afd71e" providerId="ADAL" clId="{47F757AF-05C6-4E5F-891F-6BC5E535A713}" dt="2025-08-07T12:39:01.427" v="427" actId="6549"/>
        <pc:sldMkLst>
          <pc:docMk/>
          <pc:sldMk cId="1381458857" sldId="2147483519"/>
        </pc:sldMkLst>
        <pc:spChg chg="mod">
          <ac:chgData name="Rzhaksynskyi, Andrii" userId="6045fa21-fb7f-4140-9329-b998a4afd71e" providerId="ADAL" clId="{47F757AF-05C6-4E5F-891F-6BC5E535A713}" dt="2025-08-07T11:46:26.964" v="288"/>
          <ac:spMkLst>
            <pc:docMk/>
            <pc:sldMk cId="1381458857" sldId="2147483519"/>
            <ac:spMk id="6" creationId="{CBC1B490-F3EC-2A36-A6A7-95AAEB818F61}"/>
          </ac:spMkLst>
        </pc:spChg>
        <pc:graphicFrameChg chg="del">
          <ac:chgData name="Rzhaksynskyi, Andrii" userId="6045fa21-fb7f-4140-9329-b998a4afd71e" providerId="ADAL" clId="{47F757AF-05C6-4E5F-891F-6BC5E535A713}" dt="2025-08-07T11:46:29.394" v="289" actId="478"/>
          <ac:graphicFrameMkLst>
            <pc:docMk/>
            <pc:sldMk cId="1381458857" sldId="2147483519"/>
            <ac:graphicFrameMk id="2" creationId="{D5E0B60A-AEC8-B804-8F46-DBBD5EAE8EBD}"/>
          </ac:graphicFrameMkLst>
        </pc:graphicFrameChg>
        <pc:graphicFrameChg chg="add mod modGraphic">
          <ac:chgData name="Rzhaksynskyi, Andrii" userId="6045fa21-fb7f-4140-9329-b998a4afd71e" providerId="ADAL" clId="{47F757AF-05C6-4E5F-891F-6BC5E535A713}" dt="2025-08-07T12:39:01.427" v="427" actId="6549"/>
          <ac:graphicFrameMkLst>
            <pc:docMk/>
            <pc:sldMk cId="1381458857" sldId="2147483519"/>
            <ac:graphicFrameMk id="4" creationId="{AC1ED9FA-05CB-03EE-EAF8-C61128BF616C}"/>
          </ac:graphicFrameMkLst>
        </pc:graphicFrameChg>
      </pc:sldChg>
      <pc:sldChg chg="addSp delSp modSp add mod ord">
        <pc:chgData name="Rzhaksynskyi, Andrii" userId="6045fa21-fb7f-4140-9329-b998a4afd71e" providerId="ADAL" clId="{47F757AF-05C6-4E5F-891F-6BC5E535A713}" dt="2025-08-07T11:51:22.549" v="328" actId="1076"/>
        <pc:sldMkLst>
          <pc:docMk/>
          <pc:sldMk cId="1451180180" sldId="2147483520"/>
        </pc:sldMkLst>
        <pc:spChg chg="del">
          <ac:chgData name="Rzhaksynskyi, Andrii" userId="6045fa21-fb7f-4140-9329-b998a4afd71e" providerId="ADAL" clId="{47F757AF-05C6-4E5F-891F-6BC5E535A713}" dt="2025-08-07T11:51:12.178" v="324" actId="478"/>
          <ac:spMkLst>
            <pc:docMk/>
            <pc:sldMk cId="1451180180" sldId="2147483520"/>
            <ac:spMk id="2" creationId="{81E6337F-646D-7D1C-4447-8EA74D50598A}"/>
          </ac:spMkLst>
        </pc:spChg>
        <pc:spChg chg="mod">
          <ac:chgData name="Rzhaksynskyi, Andrii" userId="6045fa21-fb7f-4140-9329-b998a4afd71e" providerId="ADAL" clId="{47F757AF-05C6-4E5F-891F-6BC5E535A713}" dt="2025-08-07T11:51:08.454" v="323" actId="20577"/>
          <ac:spMkLst>
            <pc:docMk/>
            <pc:sldMk cId="1451180180" sldId="2147483520"/>
            <ac:spMk id="6" creationId="{53E6179F-81A1-CC9F-682E-477280682CD9}"/>
          </ac:spMkLst>
        </pc:spChg>
        <pc:picChg chg="add mod">
          <ac:chgData name="Rzhaksynskyi, Andrii" userId="6045fa21-fb7f-4140-9329-b998a4afd71e" providerId="ADAL" clId="{47F757AF-05C6-4E5F-891F-6BC5E535A713}" dt="2025-08-07T11:51:22.549" v="328" actId="1076"/>
          <ac:picMkLst>
            <pc:docMk/>
            <pc:sldMk cId="1451180180" sldId="2147483520"/>
            <ac:picMk id="5" creationId="{4183FD67-FE5E-4A07-FACA-5B503D2B7B56}"/>
          </ac:picMkLst>
        </pc:picChg>
      </pc:sldChg>
      <pc:sldChg chg="del">
        <pc:chgData name="Rzhaksynskyi, Andrii" userId="6045fa21-fb7f-4140-9329-b998a4afd71e" providerId="ADAL" clId="{47F757AF-05C6-4E5F-891F-6BC5E535A713}" dt="2025-08-07T08:11:39.166" v="85" actId="47"/>
        <pc:sldMkLst>
          <pc:docMk/>
          <pc:sldMk cId="3766411186" sldId="2147483520"/>
        </pc:sldMkLst>
      </pc:sldChg>
      <pc:sldChg chg="addSp delSp modSp add mod">
        <pc:chgData name="Rzhaksynskyi, Andrii" userId="6045fa21-fb7f-4140-9329-b998a4afd71e" providerId="ADAL" clId="{47F757AF-05C6-4E5F-891F-6BC5E535A713}" dt="2025-08-07T12:37:09.626" v="377" actId="1076"/>
        <pc:sldMkLst>
          <pc:docMk/>
          <pc:sldMk cId="3976041208" sldId="2147483521"/>
        </pc:sldMkLst>
        <pc:spChg chg="add mod">
          <ac:chgData name="Rzhaksynskyi, Andrii" userId="6045fa21-fb7f-4140-9329-b998a4afd71e" providerId="ADAL" clId="{47F757AF-05C6-4E5F-891F-6BC5E535A713}" dt="2025-08-07T12:37:09.626" v="377" actId="1076"/>
          <ac:spMkLst>
            <pc:docMk/>
            <pc:sldMk cId="3976041208" sldId="2147483521"/>
            <ac:spMk id="5" creationId="{6B63E9FE-4F21-55AC-863D-56ACD7EF2D00}"/>
          </ac:spMkLst>
        </pc:spChg>
        <pc:spChg chg="mod">
          <ac:chgData name="Rzhaksynskyi, Andrii" userId="6045fa21-fb7f-4140-9329-b998a4afd71e" providerId="ADAL" clId="{47F757AF-05C6-4E5F-891F-6BC5E535A713}" dt="2025-08-07T12:35:45.900" v="365" actId="20577"/>
          <ac:spMkLst>
            <pc:docMk/>
            <pc:sldMk cId="3976041208" sldId="2147483521"/>
            <ac:spMk id="6" creationId="{43FDF045-AD0A-1B77-7F4C-0C31B2D99664}"/>
          </ac:spMkLst>
        </pc:spChg>
        <pc:graphicFrameChg chg="del">
          <ac:chgData name="Rzhaksynskyi, Andrii" userId="6045fa21-fb7f-4140-9329-b998a4afd71e" providerId="ADAL" clId="{47F757AF-05C6-4E5F-891F-6BC5E535A713}" dt="2025-08-07T12:35:35.321" v="345" actId="478"/>
          <ac:graphicFrameMkLst>
            <pc:docMk/>
            <pc:sldMk cId="3976041208" sldId="2147483521"/>
            <ac:graphicFrameMk id="4" creationId="{57D7C78F-237A-0F21-7090-22026742A30A}"/>
          </ac:graphicFrameMkLst>
        </pc:graphicFrameChg>
      </pc:sldChg>
      <pc:sldChg chg="del">
        <pc:chgData name="Rzhaksynskyi, Andrii" userId="6045fa21-fb7f-4140-9329-b998a4afd71e" providerId="ADAL" clId="{47F757AF-05C6-4E5F-891F-6BC5E535A713}" dt="2025-08-07T08:11:45.384" v="86" actId="47"/>
        <pc:sldMkLst>
          <pc:docMk/>
          <pc:sldMk cId="954662958" sldId="2147483522"/>
        </pc:sldMkLst>
      </pc:sldChg>
      <pc:sldChg chg="del">
        <pc:chgData name="Rzhaksynskyi, Andrii" userId="6045fa21-fb7f-4140-9329-b998a4afd71e" providerId="ADAL" clId="{47F757AF-05C6-4E5F-891F-6BC5E535A713}" dt="2025-08-07T08:11:45.384" v="86" actId="47"/>
        <pc:sldMkLst>
          <pc:docMk/>
          <pc:sldMk cId="2457237376" sldId="2147483523"/>
        </pc:sldMkLst>
      </pc:sldChg>
      <pc:sldChg chg="del">
        <pc:chgData name="Rzhaksynskyi, Andrii" userId="6045fa21-fb7f-4140-9329-b998a4afd71e" providerId="ADAL" clId="{47F757AF-05C6-4E5F-891F-6BC5E535A713}" dt="2025-08-07T08:11:45.384" v="86" actId="47"/>
        <pc:sldMkLst>
          <pc:docMk/>
          <pc:sldMk cId="3140325023" sldId="2147483524"/>
        </pc:sldMkLst>
      </pc:sldChg>
      <pc:sldChg chg="del">
        <pc:chgData name="Rzhaksynskyi, Andrii" userId="6045fa21-fb7f-4140-9329-b998a4afd71e" providerId="ADAL" clId="{47F757AF-05C6-4E5F-891F-6BC5E535A713}" dt="2025-08-07T08:11:45.384" v="86" actId="47"/>
        <pc:sldMkLst>
          <pc:docMk/>
          <pc:sldMk cId="2407312311" sldId="2147483525"/>
        </pc:sldMkLst>
      </pc:sldChg>
      <pc:sldChg chg="del">
        <pc:chgData name="Rzhaksynskyi, Andrii" userId="6045fa21-fb7f-4140-9329-b998a4afd71e" providerId="ADAL" clId="{47F757AF-05C6-4E5F-891F-6BC5E535A713}" dt="2025-08-07T08:11:45.384" v="86" actId="47"/>
        <pc:sldMkLst>
          <pc:docMk/>
          <pc:sldMk cId="3771613145" sldId="2147483528"/>
        </pc:sldMkLst>
      </pc:sldChg>
      <pc:sldChg chg="del">
        <pc:chgData name="Rzhaksynskyi, Andrii" userId="6045fa21-fb7f-4140-9329-b998a4afd71e" providerId="ADAL" clId="{47F757AF-05C6-4E5F-891F-6BC5E535A713}" dt="2025-08-07T08:11:45.384" v="86" actId="47"/>
        <pc:sldMkLst>
          <pc:docMk/>
          <pc:sldMk cId="3284499739" sldId="2147483530"/>
        </pc:sldMkLst>
      </pc:sldChg>
      <pc:sldChg chg="del">
        <pc:chgData name="Rzhaksynskyi, Andrii" userId="6045fa21-fb7f-4140-9329-b998a4afd71e" providerId="ADAL" clId="{47F757AF-05C6-4E5F-891F-6BC5E535A713}" dt="2025-08-07T08:11:45.384" v="86" actId="47"/>
        <pc:sldMkLst>
          <pc:docMk/>
          <pc:sldMk cId="1434992316" sldId="2147483531"/>
        </pc:sldMkLst>
      </pc:sldChg>
      <pc:sldChg chg="del">
        <pc:chgData name="Rzhaksynskyi, Andrii" userId="6045fa21-fb7f-4140-9329-b998a4afd71e" providerId="ADAL" clId="{47F757AF-05C6-4E5F-891F-6BC5E535A713}" dt="2025-08-07T08:11:45.384" v="86" actId="47"/>
        <pc:sldMkLst>
          <pc:docMk/>
          <pc:sldMk cId="4131444531" sldId="2147483532"/>
        </pc:sldMkLst>
      </pc:sldChg>
      <pc:sldChg chg="del">
        <pc:chgData name="Rzhaksynskyi, Andrii" userId="6045fa21-fb7f-4140-9329-b998a4afd71e" providerId="ADAL" clId="{47F757AF-05C6-4E5F-891F-6BC5E535A713}" dt="2025-08-07T08:11:45.384" v="86" actId="47"/>
        <pc:sldMkLst>
          <pc:docMk/>
          <pc:sldMk cId="2931656147" sldId="2147483533"/>
        </pc:sldMkLst>
      </pc:sldChg>
      <pc:sldChg chg="del">
        <pc:chgData name="Rzhaksynskyi, Andrii" userId="6045fa21-fb7f-4140-9329-b998a4afd71e" providerId="ADAL" clId="{47F757AF-05C6-4E5F-891F-6BC5E535A713}" dt="2025-08-07T08:11:45.384" v="86" actId="47"/>
        <pc:sldMkLst>
          <pc:docMk/>
          <pc:sldMk cId="3224129149" sldId="2147483534"/>
        </pc:sldMkLst>
      </pc:sldChg>
      <pc:sldMasterChg chg="modSldLayout">
        <pc:chgData name="Rzhaksynskyi, Andrii" userId="6045fa21-fb7f-4140-9329-b998a4afd71e" providerId="ADAL" clId="{47F757AF-05C6-4E5F-891F-6BC5E535A713}" dt="2025-08-07T14:58:58.515" v="449" actId="139"/>
        <pc:sldMasterMkLst>
          <pc:docMk/>
          <pc:sldMasterMk cId="3408294523" sldId="2147483733"/>
        </pc:sldMasterMkLst>
        <pc:sldLayoutChg chg="modSp mod">
          <pc:chgData name="Rzhaksynskyi, Andrii" userId="6045fa21-fb7f-4140-9329-b998a4afd71e" providerId="ADAL" clId="{47F757AF-05C6-4E5F-891F-6BC5E535A713}" dt="2025-08-07T14:58:58.488" v="435" actId="139"/>
          <pc:sldLayoutMkLst>
            <pc:docMk/>
            <pc:sldMasterMk cId="3408294523" sldId="2147483733"/>
            <pc:sldLayoutMk cId="1084997862" sldId="2147483777"/>
          </pc:sldLayoutMkLst>
          <pc:spChg chg="mod">
            <ac:chgData name="Rzhaksynskyi, Andrii" userId="6045fa21-fb7f-4140-9329-b998a4afd71e" providerId="ADAL" clId="{47F757AF-05C6-4E5F-891F-6BC5E535A713}" dt="2025-08-07T14:58:58.488" v="435" actId="139"/>
            <ac:spMkLst>
              <pc:docMk/>
              <pc:sldMasterMk cId="3408294523" sldId="2147483733"/>
              <pc:sldLayoutMk cId="1084997862" sldId="2147483777"/>
              <ac:spMk id="4" creationId="{13EDB9F6-FBDA-8ED8-A84B-244CC53CFF99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481" v="431" actId="139"/>
          <pc:sldLayoutMkLst>
            <pc:docMk/>
            <pc:sldMasterMk cId="3408294523" sldId="2147483733"/>
            <pc:sldLayoutMk cId="2667257257" sldId="2147483780"/>
          </pc:sldLayoutMkLst>
          <pc:spChg chg="mod">
            <ac:chgData name="Rzhaksynskyi, Andrii" userId="6045fa21-fb7f-4140-9329-b998a4afd71e" providerId="ADAL" clId="{47F757AF-05C6-4E5F-891F-6BC5E535A713}" dt="2025-08-07T14:58:58.481" v="431" actId="139"/>
            <ac:spMkLst>
              <pc:docMk/>
              <pc:sldMasterMk cId="3408294523" sldId="2147483733"/>
              <pc:sldLayoutMk cId="2667257257" sldId="2147483780"/>
              <ac:spMk id="7" creationId="{1D05DC80-84C9-9ECA-3B84-3577D8D81659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484" v="433" actId="139"/>
          <pc:sldLayoutMkLst>
            <pc:docMk/>
            <pc:sldMasterMk cId="3408294523" sldId="2147483733"/>
            <pc:sldLayoutMk cId="277845837" sldId="2147483787"/>
          </pc:sldLayoutMkLst>
          <pc:spChg chg="mod">
            <ac:chgData name="Rzhaksynskyi, Andrii" userId="6045fa21-fb7f-4140-9329-b998a4afd71e" providerId="ADAL" clId="{47F757AF-05C6-4E5F-891F-6BC5E535A713}" dt="2025-08-07T14:58:58.484" v="433" actId="139"/>
            <ac:spMkLst>
              <pc:docMk/>
              <pc:sldMasterMk cId="3408294523" sldId="2147483733"/>
              <pc:sldLayoutMk cId="277845837" sldId="2147483787"/>
              <ac:spMk id="8" creationId="{F1333C1B-AD40-D53A-5A1E-EFB8C6390D49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491" v="437" actId="139"/>
          <pc:sldLayoutMkLst>
            <pc:docMk/>
            <pc:sldMasterMk cId="3408294523" sldId="2147483733"/>
            <pc:sldLayoutMk cId="2183850539" sldId="2147483788"/>
          </pc:sldLayoutMkLst>
          <pc:spChg chg="mod">
            <ac:chgData name="Rzhaksynskyi, Andrii" userId="6045fa21-fb7f-4140-9329-b998a4afd71e" providerId="ADAL" clId="{47F757AF-05C6-4E5F-891F-6BC5E535A713}" dt="2025-08-07T14:58:58.491" v="437" actId="139"/>
            <ac:spMkLst>
              <pc:docMk/>
              <pc:sldMasterMk cId="3408294523" sldId="2147483733"/>
              <pc:sldLayoutMk cId="2183850539" sldId="2147483788"/>
              <ac:spMk id="9" creationId="{CE0C2033-6FDF-7DD6-E25C-C03296FDAD00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495" v="439" actId="139"/>
          <pc:sldLayoutMkLst>
            <pc:docMk/>
            <pc:sldMasterMk cId="3408294523" sldId="2147483733"/>
            <pc:sldLayoutMk cId="1554761476" sldId="2147483789"/>
          </pc:sldLayoutMkLst>
          <pc:spChg chg="mod">
            <ac:chgData name="Rzhaksynskyi, Andrii" userId="6045fa21-fb7f-4140-9329-b998a4afd71e" providerId="ADAL" clId="{47F757AF-05C6-4E5F-891F-6BC5E535A713}" dt="2025-08-07T14:58:58.495" v="439" actId="139"/>
            <ac:spMkLst>
              <pc:docMk/>
              <pc:sldMasterMk cId="3408294523" sldId="2147483733"/>
              <pc:sldLayoutMk cId="1554761476" sldId="2147483789"/>
              <ac:spMk id="11" creationId="{62D91ACB-BD14-46CB-4B61-F4B072D877C0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498" v="441" actId="139"/>
          <pc:sldLayoutMkLst>
            <pc:docMk/>
            <pc:sldMasterMk cId="3408294523" sldId="2147483733"/>
            <pc:sldLayoutMk cId="1315975548" sldId="2147483790"/>
          </pc:sldLayoutMkLst>
          <pc:spChg chg="mod">
            <ac:chgData name="Rzhaksynskyi, Andrii" userId="6045fa21-fb7f-4140-9329-b998a4afd71e" providerId="ADAL" clId="{47F757AF-05C6-4E5F-891F-6BC5E535A713}" dt="2025-08-07T14:58:58.498" v="441" actId="139"/>
            <ac:spMkLst>
              <pc:docMk/>
              <pc:sldMasterMk cId="3408294523" sldId="2147483733"/>
              <pc:sldLayoutMk cId="1315975548" sldId="2147483790"/>
              <ac:spMk id="3" creationId="{D417CEF6-1FCD-75B6-FA13-C583ECCE7BE5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04" v="443" actId="139"/>
          <pc:sldLayoutMkLst>
            <pc:docMk/>
            <pc:sldMasterMk cId="3408294523" sldId="2147483733"/>
            <pc:sldLayoutMk cId="4293282121" sldId="2147483791"/>
          </pc:sldLayoutMkLst>
          <pc:spChg chg="mod">
            <ac:chgData name="Rzhaksynskyi, Andrii" userId="6045fa21-fb7f-4140-9329-b998a4afd71e" providerId="ADAL" clId="{47F757AF-05C6-4E5F-891F-6BC5E535A713}" dt="2025-08-07T14:58:58.504" v="443" actId="139"/>
            <ac:spMkLst>
              <pc:docMk/>
              <pc:sldMasterMk cId="3408294523" sldId="2147483733"/>
              <pc:sldLayoutMk cId="4293282121" sldId="2147483791"/>
              <ac:spMk id="3" creationId="{D67AB148-356D-F356-4E6C-9664D9EB9DF3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08" v="445" actId="139"/>
          <pc:sldLayoutMkLst>
            <pc:docMk/>
            <pc:sldMasterMk cId="3408294523" sldId="2147483733"/>
            <pc:sldLayoutMk cId="2910220013" sldId="2147483792"/>
          </pc:sldLayoutMkLst>
          <pc:spChg chg="mod">
            <ac:chgData name="Rzhaksynskyi, Andrii" userId="6045fa21-fb7f-4140-9329-b998a4afd71e" providerId="ADAL" clId="{47F757AF-05C6-4E5F-891F-6BC5E535A713}" dt="2025-08-07T14:58:58.508" v="445" actId="139"/>
            <ac:spMkLst>
              <pc:docMk/>
              <pc:sldMasterMk cId="3408294523" sldId="2147483733"/>
              <pc:sldLayoutMk cId="2910220013" sldId="2147483792"/>
              <ac:spMk id="3" creationId="{BBFBBDC3-D031-6041-465D-9F7147F423CF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12" v="447" actId="139"/>
          <pc:sldLayoutMkLst>
            <pc:docMk/>
            <pc:sldMasterMk cId="3408294523" sldId="2147483733"/>
            <pc:sldLayoutMk cId="1043655704" sldId="2147483793"/>
          </pc:sldLayoutMkLst>
          <pc:spChg chg="mod">
            <ac:chgData name="Rzhaksynskyi, Andrii" userId="6045fa21-fb7f-4140-9329-b998a4afd71e" providerId="ADAL" clId="{47F757AF-05C6-4E5F-891F-6BC5E535A713}" dt="2025-08-07T14:58:58.512" v="447" actId="139"/>
            <ac:spMkLst>
              <pc:docMk/>
              <pc:sldMasterMk cId="3408294523" sldId="2147483733"/>
              <pc:sldLayoutMk cId="1043655704" sldId="2147483793"/>
              <ac:spMk id="3" creationId="{4A078429-99DD-7555-B0F4-FEF46FD297B0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15" v="449" actId="139"/>
          <pc:sldLayoutMkLst>
            <pc:docMk/>
            <pc:sldMasterMk cId="3408294523" sldId="2147483733"/>
            <pc:sldLayoutMk cId="1979749642" sldId="2147483794"/>
          </pc:sldLayoutMkLst>
          <pc:spChg chg="mod">
            <ac:chgData name="Rzhaksynskyi, Andrii" userId="6045fa21-fb7f-4140-9329-b998a4afd71e" providerId="ADAL" clId="{47F757AF-05C6-4E5F-891F-6BC5E535A713}" dt="2025-08-07T14:58:58.515" v="449" actId="139"/>
            <ac:spMkLst>
              <pc:docMk/>
              <pc:sldMasterMk cId="3408294523" sldId="2147483733"/>
              <pc:sldLayoutMk cId="1979749642" sldId="2147483794"/>
              <ac:spMk id="5" creationId="{7A6CB977-D711-D436-9DC2-AAFCC56F9CAA}"/>
            </ac:spMkLst>
          </pc:spChg>
        </pc:sldLayoutChg>
      </pc:sldMasterChg>
      <pc:sldMasterChg chg="modSldLayout">
        <pc:chgData name="Rzhaksynskyi, Andrii" userId="6045fa21-fb7f-4140-9329-b998a4afd71e" providerId="ADAL" clId="{47F757AF-05C6-4E5F-891F-6BC5E535A713}" dt="2025-08-07T14:58:58.569" v="471" actId="139"/>
        <pc:sldMasterMkLst>
          <pc:docMk/>
          <pc:sldMasterMk cId="1594550698" sldId="2147483796"/>
        </pc:sldMasterMkLst>
        <pc:sldLayoutChg chg="modSp mod">
          <pc:chgData name="Rzhaksynskyi, Andrii" userId="6045fa21-fb7f-4140-9329-b998a4afd71e" providerId="ADAL" clId="{47F757AF-05C6-4E5F-891F-6BC5E535A713}" dt="2025-08-07T14:58:58.538" v="451" actId="139"/>
          <pc:sldLayoutMkLst>
            <pc:docMk/>
            <pc:sldMasterMk cId="1594550698" sldId="2147483796"/>
            <pc:sldLayoutMk cId="610135273" sldId="2147483797"/>
          </pc:sldLayoutMkLst>
          <pc:spChg chg="mod">
            <ac:chgData name="Rzhaksynskyi, Andrii" userId="6045fa21-fb7f-4140-9329-b998a4afd71e" providerId="ADAL" clId="{47F757AF-05C6-4E5F-891F-6BC5E535A713}" dt="2025-08-07T14:58:58.538" v="451" actId="139"/>
            <ac:spMkLst>
              <pc:docMk/>
              <pc:sldMasterMk cId="1594550698" sldId="2147483796"/>
              <pc:sldLayoutMk cId="610135273" sldId="2147483797"/>
              <ac:spMk id="6" creationId="{870EB466-B92B-9D4D-974E-A49C0F424152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40" v="453" actId="139"/>
          <pc:sldLayoutMkLst>
            <pc:docMk/>
            <pc:sldMasterMk cId="1594550698" sldId="2147483796"/>
            <pc:sldLayoutMk cId="2312767944" sldId="2147483798"/>
          </pc:sldLayoutMkLst>
          <pc:spChg chg="mod">
            <ac:chgData name="Rzhaksynskyi, Andrii" userId="6045fa21-fb7f-4140-9329-b998a4afd71e" providerId="ADAL" clId="{47F757AF-05C6-4E5F-891F-6BC5E535A713}" dt="2025-08-07T14:58:58.540" v="453" actId="139"/>
            <ac:spMkLst>
              <pc:docMk/>
              <pc:sldMasterMk cId="1594550698" sldId="2147483796"/>
              <pc:sldLayoutMk cId="2312767944" sldId="2147483798"/>
              <ac:spMk id="7" creationId="{1D05DC80-84C9-9ECA-3B84-3577D8D81659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43" v="455" actId="139"/>
          <pc:sldLayoutMkLst>
            <pc:docMk/>
            <pc:sldMasterMk cId="1594550698" sldId="2147483796"/>
            <pc:sldLayoutMk cId="2095468815" sldId="2147483799"/>
          </pc:sldLayoutMkLst>
          <pc:spChg chg="mod">
            <ac:chgData name="Rzhaksynskyi, Andrii" userId="6045fa21-fb7f-4140-9329-b998a4afd71e" providerId="ADAL" clId="{47F757AF-05C6-4E5F-891F-6BC5E535A713}" dt="2025-08-07T14:58:58.543" v="455" actId="139"/>
            <ac:spMkLst>
              <pc:docMk/>
              <pc:sldMasterMk cId="1594550698" sldId="2147483796"/>
              <pc:sldLayoutMk cId="2095468815" sldId="2147483799"/>
              <ac:spMk id="8" creationId="{F1333C1B-AD40-D53A-5A1E-EFB8C6390D49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46" v="457" actId="139"/>
          <pc:sldLayoutMkLst>
            <pc:docMk/>
            <pc:sldMasterMk cId="1594550698" sldId="2147483796"/>
            <pc:sldLayoutMk cId="3545595575" sldId="2147483800"/>
          </pc:sldLayoutMkLst>
          <pc:spChg chg="mod">
            <ac:chgData name="Rzhaksynskyi, Andrii" userId="6045fa21-fb7f-4140-9329-b998a4afd71e" providerId="ADAL" clId="{47F757AF-05C6-4E5F-891F-6BC5E535A713}" dt="2025-08-07T14:58:58.546" v="457" actId="139"/>
            <ac:spMkLst>
              <pc:docMk/>
              <pc:sldMasterMk cId="1594550698" sldId="2147483796"/>
              <pc:sldLayoutMk cId="3545595575" sldId="2147483800"/>
              <ac:spMk id="4" creationId="{13EDB9F6-FBDA-8ED8-A84B-244CC53CFF99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49" v="459" actId="139"/>
          <pc:sldLayoutMkLst>
            <pc:docMk/>
            <pc:sldMasterMk cId="1594550698" sldId="2147483796"/>
            <pc:sldLayoutMk cId="1406423148" sldId="2147483801"/>
          </pc:sldLayoutMkLst>
          <pc:spChg chg="mod">
            <ac:chgData name="Rzhaksynskyi, Andrii" userId="6045fa21-fb7f-4140-9329-b998a4afd71e" providerId="ADAL" clId="{47F757AF-05C6-4E5F-891F-6BC5E535A713}" dt="2025-08-07T14:58:58.549" v="459" actId="139"/>
            <ac:spMkLst>
              <pc:docMk/>
              <pc:sldMasterMk cId="1594550698" sldId="2147483796"/>
              <pc:sldLayoutMk cId="1406423148" sldId="2147483801"/>
              <ac:spMk id="9" creationId="{CE0C2033-6FDF-7DD6-E25C-C03296FDAD00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53" v="461" actId="139"/>
          <pc:sldLayoutMkLst>
            <pc:docMk/>
            <pc:sldMasterMk cId="1594550698" sldId="2147483796"/>
            <pc:sldLayoutMk cId="1151494991" sldId="2147483802"/>
          </pc:sldLayoutMkLst>
          <pc:spChg chg="mod">
            <ac:chgData name="Rzhaksynskyi, Andrii" userId="6045fa21-fb7f-4140-9329-b998a4afd71e" providerId="ADAL" clId="{47F757AF-05C6-4E5F-891F-6BC5E535A713}" dt="2025-08-07T14:58:58.553" v="461" actId="139"/>
            <ac:spMkLst>
              <pc:docMk/>
              <pc:sldMasterMk cId="1594550698" sldId="2147483796"/>
              <pc:sldLayoutMk cId="1151494991" sldId="2147483802"/>
              <ac:spMk id="11" creationId="{62D91ACB-BD14-46CB-4B61-F4B072D877C0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56" v="463" actId="139"/>
          <pc:sldLayoutMkLst>
            <pc:docMk/>
            <pc:sldMasterMk cId="1594550698" sldId="2147483796"/>
            <pc:sldLayoutMk cId="1097781199" sldId="2147483803"/>
          </pc:sldLayoutMkLst>
          <pc:spChg chg="mod">
            <ac:chgData name="Rzhaksynskyi, Andrii" userId="6045fa21-fb7f-4140-9329-b998a4afd71e" providerId="ADAL" clId="{47F757AF-05C6-4E5F-891F-6BC5E535A713}" dt="2025-08-07T14:58:58.556" v="463" actId="139"/>
            <ac:spMkLst>
              <pc:docMk/>
              <pc:sldMasterMk cId="1594550698" sldId="2147483796"/>
              <pc:sldLayoutMk cId="1097781199" sldId="2147483803"/>
              <ac:spMk id="3" creationId="{D417CEF6-1FCD-75B6-FA13-C583ECCE7BE5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58" v="465" actId="139"/>
          <pc:sldLayoutMkLst>
            <pc:docMk/>
            <pc:sldMasterMk cId="1594550698" sldId="2147483796"/>
            <pc:sldLayoutMk cId="1863465907" sldId="2147483804"/>
          </pc:sldLayoutMkLst>
          <pc:spChg chg="mod">
            <ac:chgData name="Rzhaksynskyi, Andrii" userId="6045fa21-fb7f-4140-9329-b998a4afd71e" providerId="ADAL" clId="{47F757AF-05C6-4E5F-891F-6BC5E535A713}" dt="2025-08-07T14:58:58.558" v="465" actId="139"/>
            <ac:spMkLst>
              <pc:docMk/>
              <pc:sldMasterMk cId="1594550698" sldId="2147483796"/>
              <pc:sldLayoutMk cId="1863465907" sldId="2147483804"/>
              <ac:spMk id="3" creationId="{D67AB148-356D-F356-4E6C-9664D9EB9DF3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61" v="467" actId="139"/>
          <pc:sldLayoutMkLst>
            <pc:docMk/>
            <pc:sldMasterMk cId="1594550698" sldId="2147483796"/>
            <pc:sldLayoutMk cId="2477827549" sldId="2147483805"/>
          </pc:sldLayoutMkLst>
          <pc:spChg chg="mod">
            <ac:chgData name="Rzhaksynskyi, Andrii" userId="6045fa21-fb7f-4140-9329-b998a4afd71e" providerId="ADAL" clId="{47F757AF-05C6-4E5F-891F-6BC5E535A713}" dt="2025-08-07T14:58:58.561" v="467" actId="139"/>
            <ac:spMkLst>
              <pc:docMk/>
              <pc:sldMasterMk cId="1594550698" sldId="2147483796"/>
              <pc:sldLayoutMk cId="2477827549" sldId="2147483805"/>
              <ac:spMk id="3" creationId="{BBFBBDC3-D031-6041-465D-9F7147F423CF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66" v="469" actId="139"/>
          <pc:sldLayoutMkLst>
            <pc:docMk/>
            <pc:sldMasterMk cId="1594550698" sldId="2147483796"/>
            <pc:sldLayoutMk cId="2541708353" sldId="2147483806"/>
          </pc:sldLayoutMkLst>
          <pc:spChg chg="mod">
            <ac:chgData name="Rzhaksynskyi, Andrii" userId="6045fa21-fb7f-4140-9329-b998a4afd71e" providerId="ADAL" clId="{47F757AF-05C6-4E5F-891F-6BC5E535A713}" dt="2025-08-07T14:58:58.566" v="469" actId="139"/>
            <ac:spMkLst>
              <pc:docMk/>
              <pc:sldMasterMk cId="1594550698" sldId="2147483796"/>
              <pc:sldLayoutMk cId="2541708353" sldId="2147483806"/>
              <ac:spMk id="3" creationId="{4A078429-99DD-7555-B0F4-FEF46FD297B0}"/>
            </ac:spMkLst>
          </pc:spChg>
        </pc:sldLayoutChg>
        <pc:sldLayoutChg chg="modSp mod">
          <pc:chgData name="Rzhaksynskyi, Andrii" userId="6045fa21-fb7f-4140-9329-b998a4afd71e" providerId="ADAL" clId="{47F757AF-05C6-4E5F-891F-6BC5E535A713}" dt="2025-08-07T14:58:58.569" v="471" actId="139"/>
          <pc:sldLayoutMkLst>
            <pc:docMk/>
            <pc:sldMasterMk cId="1594550698" sldId="2147483796"/>
            <pc:sldLayoutMk cId="108062703" sldId="2147483807"/>
          </pc:sldLayoutMkLst>
          <pc:spChg chg="mod">
            <ac:chgData name="Rzhaksynskyi, Andrii" userId="6045fa21-fb7f-4140-9329-b998a4afd71e" providerId="ADAL" clId="{47F757AF-05C6-4E5F-891F-6BC5E535A713}" dt="2025-08-07T14:58:58.569" v="471" actId="139"/>
            <ac:spMkLst>
              <pc:docMk/>
              <pc:sldMasterMk cId="1594550698" sldId="2147483796"/>
              <pc:sldLayoutMk cId="108062703" sldId="2147483807"/>
              <ac:spMk id="5" creationId="{7A6CB977-D711-D436-9DC2-AAFCC56F9CAA}"/>
            </ac:spMkLst>
          </pc:spChg>
        </pc:sldLayoutChg>
      </pc:sldMasterChg>
    </pc:docChg>
  </pc:docChgLst>
  <pc:docChgLst>
    <pc:chgData name="Rzhaksynskyi, Andrii" userId="6045fa21-fb7f-4140-9329-b998a4afd71e" providerId="ADAL" clId="{51BC20E6-D7DD-4D0D-B642-37287F0B1C77}"/>
    <pc:docChg chg="undo custSel addSld delSld modSld sldOrd">
      <pc:chgData name="Rzhaksynskyi, Andrii" userId="6045fa21-fb7f-4140-9329-b998a4afd71e" providerId="ADAL" clId="{51BC20E6-D7DD-4D0D-B642-37287F0B1C77}" dt="2025-01-14T16:28:52.317" v="1222" actId="1076"/>
      <pc:docMkLst>
        <pc:docMk/>
      </pc:docMkLst>
      <pc:sldChg chg="modSp mod">
        <pc:chgData name="Rzhaksynskyi, Andrii" userId="6045fa21-fb7f-4140-9329-b998a4afd71e" providerId="ADAL" clId="{51BC20E6-D7DD-4D0D-B642-37287F0B1C77}" dt="2025-01-13T11:24:20.694" v="60" actId="20577"/>
        <pc:sldMkLst>
          <pc:docMk/>
          <pc:sldMk cId="3316874168" sldId="402"/>
        </pc:sldMkLst>
      </pc:sldChg>
      <pc:sldChg chg="addSp delSp modSp mod">
        <pc:chgData name="Rzhaksynskyi, Andrii" userId="6045fa21-fb7f-4140-9329-b998a4afd71e" providerId="ADAL" clId="{51BC20E6-D7DD-4D0D-B642-37287F0B1C77}" dt="2025-01-13T20:20:36.256" v="689" actId="6549"/>
        <pc:sldMkLst>
          <pc:docMk/>
          <pc:sldMk cId="4108966024" sldId="2147483506"/>
        </pc:sldMkLst>
      </pc:sldChg>
      <pc:sldChg chg="del">
        <pc:chgData name="Rzhaksynskyi, Andrii" userId="6045fa21-fb7f-4140-9329-b998a4afd71e" providerId="ADAL" clId="{51BC20E6-D7DD-4D0D-B642-37287F0B1C77}" dt="2025-01-13T20:05:02.539" v="511" actId="47"/>
        <pc:sldMkLst>
          <pc:docMk/>
          <pc:sldMk cId="2189246514" sldId="2147483507"/>
        </pc:sldMkLst>
      </pc:sldChg>
      <pc:sldChg chg="addSp delSp modSp mod">
        <pc:chgData name="Rzhaksynskyi, Andrii" userId="6045fa21-fb7f-4140-9329-b998a4afd71e" providerId="ADAL" clId="{51BC20E6-D7DD-4D0D-B642-37287F0B1C77}" dt="2025-01-13T19:56:16.515" v="370" actId="6549"/>
        <pc:sldMkLst>
          <pc:docMk/>
          <pc:sldMk cId="135513571" sldId="2147483508"/>
        </pc:sldMkLst>
      </pc:sldChg>
      <pc:sldChg chg="addSp modSp mod">
        <pc:chgData name="Rzhaksynskyi, Andrii" userId="6045fa21-fb7f-4140-9329-b998a4afd71e" providerId="ADAL" clId="{51BC20E6-D7DD-4D0D-B642-37287F0B1C77}" dt="2025-01-13T11:45:19.398" v="188" actId="20577"/>
        <pc:sldMkLst>
          <pc:docMk/>
          <pc:sldMk cId="3472305926" sldId="2147483509"/>
        </pc:sldMkLst>
      </pc:sldChg>
      <pc:sldChg chg="addSp delSp modSp mod ord">
        <pc:chgData name="Rzhaksynskyi, Andrii" userId="6045fa21-fb7f-4140-9329-b998a4afd71e" providerId="ADAL" clId="{51BC20E6-D7DD-4D0D-B642-37287F0B1C77}" dt="2025-01-14T09:01:20.255" v="1214" actId="313"/>
        <pc:sldMkLst>
          <pc:docMk/>
          <pc:sldMk cId="719511459" sldId="2147483514"/>
        </pc:sldMkLst>
      </pc:sldChg>
      <pc:sldChg chg="addSp delSp modSp add mod">
        <pc:chgData name="Rzhaksynskyi, Andrii" userId="6045fa21-fb7f-4140-9329-b998a4afd71e" providerId="ADAL" clId="{51BC20E6-D7DD-4D0D-B642-37287F0B1C77}" dt="2025-01-13T20:02:27.443" v="458" actId="6549"/>
        <pc:sldMkLst>
          <pc:docMk/>
          <pc:sldMk cId="3411114597" sldId="2147483515"/>
        </pc:sldMkLst>
      </pc:sldChg>
      <pc:sldChg chg="addSp delSp modSp add mod modNotesTx">
        <pc:chgData name="Rzhaksynskyi, Andrii" userId="6045fa21-fb7f-4140-9329-b998a4afd71e" providerId="ADAL" clId="{51BC20E6-D7DD-4D0D-B642-37287F0B1C77}" dt="2025-01-13T20:22:20.598" v="695" actId="6549"/>
        <pc:sldMkLst>
          <pc:docMk/>
          <pc:sldMk cId="106053267" sldId="2147483516"/>
        </pc:sldMkLst>
      </pc:sldChg>
      <pc:sldChg chg="add del">
        <pc:chgData name="Rzhaksynskyi, Andrii" userId="6045fa21-fb7f-4140-9329-b998a4afd71e" providerId="ADAL" clId="{51BC20E6-D7DD-4D0D-B642-37287F0B1C77}" dt="2025-01-13T20:05:15.343" v="516" actId="47"/>
        <pc:sldMkLst>
          <pc:docMk/>
          <pc:sldMk cId="1397920944" sldId="2147483516"/>
        </pc:sldMkLst>
      </pc:sldChg>
      <pc:sldChg chg="addSp delSp modSp add mod ord">
        <pc:chgData name="Rzhaksynskyi, Andrii" userId="6045fa21-fb7f-4140-9329-b998a4afd71e" providerId="ADAL" clId="{51BC20E6-D7DD-4D0D-B642-37287F0B1C77}" dt="2025-01-14T08:22:48.503" v="747" actId="20577"/>
        <pc:sldMkLst>
          <pc:docMk/>
          <pc:sldMk cId="2495875946" sldId="2147483517"/>
        </pc:sldMkLst>
      </pc:sldChg>
      <pc:sldChg chg="addSp delSp modSp add mod">
        <pc:chgData name="Rzhaksynskyi, Andrii" userId="6045fa21-fb7f-4140-9329-b998a4afd71e" providerId="ADAL" clId="{51BC20E6-D7DD-4D0D-B642-37287F0B1C77}" dt="2025-01-14T16:28:52.317" v="1222" actId="1076"/>
        <pc:sldMkLst>
          <pc:docMk/>
          <pc:sldMk cId="38180588" sldId="2147483518"/>
        </pc:sldMkLst>
      </pc:sldChg>
      <pc:sldChg chg="addSp delSp modSp add mod">
        <pc:chgData name="Rzhaksynskyi, Andrii" userId="6045fa21-fb7f-4140-9329-b998a4afd71e" providerId="ADAL" clId="{51BC20E6-D7DD-4D0D-B642-37287F0B1C77}" dt="2025-01-14T09:09:24.370" v="1216" actId="208"/>
        <pc:sldMkLst>
          <pc:docMk/>
          <pc:sldMk cId="2412996963" sldId="2147483519"/>
        </pc:sldMkLst>
      </pc:sldChg>
    </pc:docChg>
  </pc:docChgLst>
  <pc:docChgLst>
    <pc:chgData name="Stoyanov, Velizar" userId="317c53fe-b510-431f-939c-396b11c08d05" providerId="ADAL" clId="{CCA7F052-1133-F047-95D9-21F9A3B7F9CE}"/>
    <pc:docChg chg="undo custSel modSld">
      <pc:chgData name="Stoyanov, Velizar" userId="317c53fe-b510-431f-939c-396b11c08d05" providerId="ADAL" clId="{CCA7F052-1133-F047-95D9-21F9A3B7F9CE}" dt="2025-01-15T10:30:38.791" v="5"/>
      <pc:docMkLst>
        <pc:docMk/>
      </pc:docMkLst>
      <pc:sldChg chg="addSp delSp modSp mod">
        <pc:chgData name="Stoyanov, Velizar" userId="317c53fe-b510-431f-939c-396b11c08d05" providerId="ADAL" clId="{CCA7F052-1133-F047-95D9-21F9A3B7F9CE}" dt="2025-01-15T10:30:38.791" v="5"/>
        <pc:sldMkLst>
          <pc:docMk/>
          <pc:sldMk cId="3316874168" sldId="402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0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D0CB9F-5819-E66A-2925-5F3B62DF310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321D86B-0920-873D-52E7-7E3E4763E9C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ADC1D3C-6A97-FAC4-F2B9-B2B45AB4FBD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03D4CF-5C46-DCB6-2DC1-B31B385E020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1206620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72D8B4-C1D4-0D10-BCA6-6FA82532FAF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96A9A52-11AE-B307-060A-B6D16913EB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F5C021D-0CED-CA28-0505-2A207E71282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53EFA25-5F27-BA7C-83EE-E1D16B58BCE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3988707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3B45B4-F707-ADA1-A6D2-2CA5965C258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34D37CF-1FC8-E33E-BF9C-80B4E323BC9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93292C-C6EA-755E-50BC-258F5CF0E73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1A0F644-3282-22AE-A870-09E1929F4C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9519466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ED3A74F-F8E7-3393-258A-B2DE5EBB09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90BD4CB-755A-6C5A-67EC-9A4691BC266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F69EF3C-C6E6-D620-F34F-010CA54876D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8EEEE60-7994-1BE4-C5B3-CC523C56180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907985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8B2571E-6C84-B642-AF33-9720189BD5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D0CE238-1F00-5D34-A84D-B151644AD6A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C6814B1-38B1-FD5A-5FAE-F7819D46B3C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63CF9DF-E419-D7C2-4C2D-ADB807EF496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031709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C7062E6-16FA-E86F-0D13-ECB678F54E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BBBE3DE-2F5A-4B81-2C59-B3D55F885BF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E66BC6A-AED2-74E0-8F1E-E7BB78CA4A0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FA23FC6-CD2F-FF7E-21C0-534065F1F4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4086484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834B73F-8D96-D5A6-757A-A3F377C0F2E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8758ADD-08BA-9663-DF8D-E74DF5BAAF8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84220F1-5C82-BA4E-CE13-C69B9F5E4C4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F8726D2-017E-FB16-0390-757F448183C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9790729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01FCF9A-3062-2918-7B2A-B98D2E676D4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81B959D-BBF3-04ED-5A89-26FD1EE2BCA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F0253F8-C280-AA5D-28BC-2C7E5429E28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EEA9B5-3C97-BBB3-3745-B2A387CA9BB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8683668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.png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575865229" name="LogoBlue-Dynamic" descr="{&quot;templafy&quot;:{&quot;id&quot;:&quot;cc4b7fa6-778f-4833-8456-b2959f62c8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43776545" name="LogoBlue-Dynamic" descr="{&quot;templafy&quot;:{&quot;id&quot;:&quot;027292da-81b2-4ddf-95f0-efb45ec541b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8ae77b9d-9796-46e2-8a7f-59bd7004b6fa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465515398" name="LogoWhite-Dynamic" descr="{&quot;templafy&quot;:{&quot;id&quot;:&quot;b6283d4d-fd41-4f6f-82ba-43eeaadae4a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0a0fd469-d7b1-471c-964f-0d62664a9222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5200" cy="4787900"/>
          </a:xfrm>
        </p:spPr>
        <p:txBody>
          <a:bodyPr>
            <a:no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1"/>
            <a:ext cx="11186476" cy="369332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58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58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58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809493927" name="LogoWhite-Dynamic" descr="{&quot;templafy&quot;:{&quot;id&quot;:&quot;40da3c9f-4850-4427-a5ba-272827ff084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c46f0580-691a-4125-9f84-7dd37cac5f86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58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58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58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58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pyright - Dynamic" descr="{&quot;templafy&quot;:{&quot;id&quot;:&quot;aaba257b-f786-4533-a1e6-6425df7871fe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43050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47097306" name="LogoWhite-Dynamic" descr="{&quot;templafy&quot;:{&quot;id&quot;:&quot;88ccaa5d-1dee-4448-8279-ebece6f8cb4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4d8ae1c3-ef33-4ad5-a402-2c402c040e62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4198406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575865229" name="LogoBlue-Dynamic" descr="{&quot;templafy&quot;:{&quot;id&quot;:&quot;cc4b7fa6-778f-4833-8456-b2959f62c8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7d0313a9-572b-4b1a-be2e-2387ea1b4290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6101352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809493927" name="LogoWhite-Dynamic" descr="{&quot;templafy&quot;:{&quot;id&quot;:&quot;40da3c9f-4850-4427-a5ba-272827ff084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c46f0580-691a-4125-9f84-7dd37cac5f86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3127679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47097306" name="LogoWhite-Dynamic" descr="{&quot;templafy&quot;:{&quot;id&quot;:&quot;88ccaa5d-1dee-4448-8279-ebece6f8cb4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4d8ae1c3-ef33-4ad5-a402-2c402c040e62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0954688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48c001c3-7b81-470d-8365-e72978b171b0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1223611622" name="LogoBlack-Dynamic" descr="{&quot;templafy&quot;:{&quot;id&quot;:&quot;4f2d2bed-508b-4ab9-a586-095abcf8f25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455955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48862707" name="LogoBlue-Dynamic" descr="{&quot;templafy&quot;:{&quot;id&quot;:&quot;8b55870c-384d-411d-a4a3-93918e5e90a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66d6c1c6-6d4a-46ba-a3b7-a16559825194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4064231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101496459" name="LogoBlue-Dynamic" descr="{&quot;templafy&quot;:{&quot;id&quot;:&quot;20735d1b-d3fe-4573-99ef-2a6dcfd8f4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3fa5ac1-a31b-4a95-b79d-e6c592d1d34b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5149499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16919524" name="LogoBlack-Dynamic" descr="{&quot;templafy&quot;:{&quot;id&quot;:&quot;90423db4-1288-4e85-b39b-6a248287454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5ebf09f-5e76-4149-aa2a-2bec4d9b8bf8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977811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18850540" name="LogoWhite-Dynamic" descr="{&quot;templafy&quot;:{&quot;id&quot;:&quot;3997724c-f726-461c-a934-ed0eea3e805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4b22af69-eaf6-4cf4-9157-8a7105c9b9c9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8634659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819696288" name="LogoBlack-Dynamic" descr="{&quot;templafy&quot;:{&quot;id&quot;:&quot;bb2106dc-07e4-4462-be96-d3555cd6537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cc279341-5c69-402e-805a-5145e59dc73d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477827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48c001c3-7b81-470d-8365-e72978b171b0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  <p:pic>
        <p:nvPicPr>
          <p:cNvPr id="1223611622" name="LogoBlack-Dynamic" descr="{&quot;templafy&quot;:{&quot;id&quot;:&quot;4f2d2bed-508b-4ab9-a586-095abcf8f25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43776545" name="LogoBlue-Dynamic" descr="{&quot;templafy&quot;:{&quot;id&quot;:&quot;027292da-81b2-4ddf-95f0-efb45ec541b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8ae77b9d-9796-46e2-8a7f-59bd7004b6fa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417083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465515398" name="LogoWhite-Dynamic" descr="{&quot;templafy&quot;:{&quot;id&quot;:&quot;b6283d4d-fd41-4f6f-82ba-43eeaadae4a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0a0fd469-d7b1-471c-964f-0d62664a9222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806270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5200" cy="4787900"/>
          </a:xfrm>
        </p:spPr>
        <p:txBody>
          <a:bodyPr>
            <a:no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1"/>
            <a:ext cx="11186476" cy="369332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914598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">
          <p15:clr>
            <a:srgbClr val="FBAE40"/>
          </p15:clr>
        </p15:guide>
        <p15:guide id="2" orient="horz" pos="958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29457966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396429418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5351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875847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768286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58">
          <p15:clr>
            <a:srgbClr val="FBAE40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049888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58">
          <p15:clr>
            <a:srgbClr val="FBAE40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490883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58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48862707" name="LogoBlue-Dynamic" descr="{&quot;templafy&quot;:{&quot;id&quot;:&quot;8b55870c-384d-411d-a4a3-93918e5e90a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66d6c1c6-6d4a-46ba-a3b7-a16559825194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224532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58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794043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58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08785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58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4374421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29535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58">
          <p15:clr>
            <a:srgbClr val="FBAE40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497152790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72312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124736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34826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aaba257b-f786-4533-a1e6-6425df7871fe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5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43050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113020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101496459" name="LogoBlue-Dynamic" descr="{&quot;templafy&quot;:{&quot;id&quot;:&quot;20735d1b-d3fe-4573-99ef-2a6dcfd8f4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3fa5ac1-a31b-4a95-b79d-e6c592d1d34b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16919524" name="LogoBlack-Dynamic" descr="{&quot;templafy&quot;:{&quot;id&quot;:&quot;90423db4-1288-4e85-b39b-6a248287454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5ebf09f-5e76-4149-aa2a-2bec4d9b8bf8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18850540" name="LogoWhite-Dynamic" descr="{&quot;templafy&quot;:{&quot;id&quot;:&quot;3997724c-f726-461c-a934-ed0eea3e805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4b22af69-eaf6-4cf4-9157-8a7105c9b9c9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819696288" name="LogoBlack-Dynamic" descr="{&quot;templafy&quot;:{&quot;id&quot;:&quot;bb2106dc-07e4-4462-be96-d3555cd6537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cc279341-5c69-402e-805a-5145e59dc73d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11.xml"/><Relationship Id="rId21" Type="http://schemas.openxmlformats.org/officeDocument/2006/relationships/slideLayout" Target="../slideLayouts/slideLayout51.xml"/><Relationship Id="rId42" Type="http://schemas.openxmlformats.org/officeDocument/2006/relationships/tags" Target="../tags/tag136.xml"/><Relationship Id="rId63" Type="http://schemas.openxmlformats.org/officeDocument/2006/relationships/tags" Target="../tags/tag157.xml"/><Relationship Id="rId84" Type="http://schemas.openxmlformats.org/officeDocument/2006/relationships/tags" Target="../tags/tag178.xml"/><Relationship Id="rId138" Type="http://schemas.openxmlformats.org/officeDocument/2006/relationships/tags" Target="../tags/tag232.xml"/><Relationship Id="rId107" Type="http://schemas.openxmlformats.org/officeDocument/2006/relationships/tags" Target="../tags/tag201.xml"/><Relationship Id="rId11" Type="http://schemas.openxmlformats.org/officeDocument/2006/relationships/slideLayout" Target="../slideLayouts/slideLayout41.xml"/><Relationship Id="rId32" Type="http://schemas.openxmlformats.org/officeDocument/2006/relationships/tags" Target="../tags/tag126.xml"/><Relationship Id="rId53" Type="http://schemas.openxmlformats.org/officeDocument/2006/relationships/tags" Target="../tags/tag147.xml"/><Relationship Id="rId74" Type="http://schemas.openxmlformats.org/officeDocument/2006/relationships/tags" Target="../tags/tag168.xml"/><Relationship Id="rId128" Type="http://schemas.openxmlformats.org/officeDocument/2006/relationships/tags" Target="../tags/tag222.xml"/><Relationship Id="rId149" Type="http://schemas.openxmlformats.org/officeDocument/2006/relationships/tags" Target="../tags/tag243.xml"/><Relationship Id="rId5" Type="http://schemas.openxmlformats.org/officeDocument/2006/relationships/slideLayout" Target="../slideLayouts/slideLayout35.xml"/><Relationship Id="rId95" Type="http://schemas.openxmlformats.org/officeDocument/2006/relationships/tags" Target="../tags/tag189.xml"/><Relationship Id="rId22" Type="http://schemas.openxmlformats.org/officeDocument/2006/relationships/slideLayout" Target="../slideLayouts/slideLayout52.xml"/><Relationship Id="rId27" Type="http://schemas.openxmlformats.org/officeDocument/2006/relationships/slideLayout" Target="../slideLayouts/slideLayout57.xml"/><Relationship Id="rId43" Type="http://schemas.openxmlformats.org/officeDocument/2006/relationships/tags" Target="../tags/tag137.xml"/><Relationship Id="rId48" Type="http://schemas.openxmlformats.org/officeDocument/2006/relationships/tags" Target="../tags/tag142.xml"/><Relationship Id="rId64" Type="http://schemas.openxmlformats.org/officeDocument/2006/relationships/tags" Target="../tags/tag158.xml"/><Relationship Id="rId69" Type="http://schemas.openxmlformats.org/officeDocument/2006/relationships/tags" Target="../tags/tag163.xml"/><Relationship Id="rId113" Type="http://schemas.openxmlformats.org/officeDocument/2006/relationships/tags" Target="../tags/tag207.xml"/><Relationship Id="rId118" Type="http://schemas.openxmlformats.org/officeDocument/2006/relationships/tags" Target="../tags/tag212.xml"/><Relationship Id="rId134" Type="http://schemas.openxmlformats.org/officeDocument/2006/relationships/tags" Target="../tags/tag228.xml"/><Relationship Id="rId139" Type="http://schemas.openxmlformats.org/officeDocument/2006/relationships/tags" Target="../tags/tag233.xml"/><Relationship Id="rId80" Type="http://schemas.openxmlformats.org/officeDocument/2006/relationships/tags" Target="../tags/tag174.xml"/><Relationship Id="rId85" Type="http://schemas.openxmlformats.org/officeDocument/2006/relationships/tags" Target="../tags/tag179.xml"/><Relationship Id="rId150" Type="http://schemas.openxmlformats.org/officeDocument/2006/relationships/tags" Target="../tags/tag244.xml"/><Relationship Id="rId12" Type="http://schemas.openxmlformats.org/officeDocument/2006/relationships/slideLayout" Target="../slideLayouts/slideLayout42.xml"/><Relationship Id="rId17" Type="http://schemas.openxmlformats.org/officeDocument/2006/relationships/slideLayout" Target="../slideLayouts/slideLayout47.xml"/><Relationship Id="rId33" Type="http://schemas.openxmlformats.org/officeDocument/2006/relationships/tags" Target="../tags/tag127.xml"/><Relationship Id="rId38" Type="http://schemas.openxmlformats.org/officeDocument/2006/relationships/tags" Target="../tags/tag132.xml"/><Relationship Id="rId59" Type="http://schemas.openxmlformats.org/officeDocument/2006/relationships/tags" Target="../tags/tag153.xml"/><Relationship Id="rId103" Type="http://schemas.openxmlformats.org/officeDocument/2006/relationships/tags" Target="../tags/tag197.xml"/><Relationship Id="rId108" Type="http://schemas.openxmlformats.org/officeDocument/2006/relationships/tags" Target="../tags/tag202.xml"/><Relationship Id="rId124" Type="http://schemas.openxmlformats.org/officeDocument/2006/relationships/tags" Target="../tags/tag218.xml"/><Relationship Id="rId129" Type="http://schemas.openxmlformats.org/officeDocument/2006/relationships/tags" Target="../tags/tag223.xml"/><Relationship Id="rId54" Type="http://schemas.openxmlformats.org/officeDocument/2006/relationships/tags" Target="../tags/tag148.xml"/><Relationship Id="rId70" Type="http://schemas.openxmlformats.org/officeDocument/2006/relationships/tags" Target="../tags/tag164.xml"/><Relationship Id="rId75" Type="http://schemas.openxmlformats.org/officeDocument/2006/relationships/tags" Target="../tags/tag169.xml"/><Relationship Id="rId91" Type="http://schemas.openxmlformats.org/officeDocument/2006/relationships/tags" Target="../tags/tag185.xml"/><Relationship Id="rId96" Type="http://schemas.openxmlformats.org/officeDocument/2006/relationships/tags" Target="../tags/tag190.xml"/><Relationship Id="rId140" Type="http://schemas.openxmlformats.org/officeDocument/2006/relationships/tags" Target="../tags/tag234.xml"/><Relationship Id="rId145" Type="http://schemas.openxmlformats.org/officeDocument/2006/relationships/tags" Target="../tags/tag239.xml"/><Relationship Id="rId1" Type="http://schemas.openxmlformats.org/officeDocument/2006/relationships/slideLayout" Target="../slideLayouts/slideLayout31.xml"/><Relationship Id="rId6" Type="http://schemas.openxmlformats.org/officeDocument/2006/relationships/slideLayout" Target="../slideLayouts/slideLayout36.xml"/><Relationship Id="rId23" Type="http://schemas.openxmlformats.org/officeDocument/2006/relationships/slideLayout" Target="../slideLayouts/slideLayout53.xml"/><Relationship Id="rId28" Type="http://schemas.openxmlformats.org/officeDocument/2006/relationships/slideLayout" Target="../slideLayouts/slideLayout58.xml"/><Relationship Id="rId49" Type="http://schemas.openxmlformats.org/officeDocument/2006/relationships/tags" Target="../tags/tag143.xml"/><Relationship Id="rId114" Type="http://schemas.openxmlformats.org/officeDocument/2006/relationships/tags" Target="../tags/tag208.xml"/><Relationship Id="rId119" Type="http://schemas.openxmlformats.org/officeDocument/2006/relationships/tags" Target="../tags/tag213.xml"/><Relationship Id="rId44" Type="http://schemas.openxmlformats.org/officeDocument/2006/relationships/tags" Target="../tags/tag138.xml"/><Relationship Id="rId60" Type="http://schemas.openxmlformats.org/officeDocument/2006/relationships/tags" Target="../tags/tag154.xml"/><Relationship Id="rId65" Type="http://schemas.openxmlformats.org/officeDocument/2006/relationships/tags" Target="../tags/tag159.xml"/><Relationship Id="rId81" Type="http://schemas.openxmlformats.org/officeDocument/2006/relationships/tags" Target="../tags/tag175.xml"/><Relationship Id="rId86" Type="http://schemas.openxmlformats.org/officeDocument/2006/relationships/tags" Target="../tags/tag180.xml"/><Relationship Id="rId130" Type="http://schemas.openxmlformats.org/officeDocument/2006/relationships/tags" Target="../tags/tag224.xml"/><Relationship Id="rId135" Type="http://schemas.openxmlformats.org/officeDocument/2006/relationships/tags" Target="../tags/tag229.xml"/><Relationship Id="rId151" Type="http://schemas.openxmlformats.org/officeDocument/2006/relationships/tags" Target="../tags/tag245.xml"/><Relationship Id="rId13" Type="http://schemas.openxmlformats.org/officeDocument/2006/relationships/slideLayout" Target="../slideLayouts/slideLayout43.xml"/><Relationship Id="rId18" Type="http://schemas.openxmlformats.org/officeDocument/2006/relationships/slideLayout" Target="../slideLayouts/slideLayout48.xml"/><Relationship Id="rId39" Type="http://schemas.openxmlformats.org/officeDocument/2006/relationships/tags" Target="../tags/tag133.xml"/><Relationship Id="rId109" Type="http://schemas.openxmlformats.org/officeDocument/2006/relationships/tags" Target="../tags/tag203.xml"/><Relationship Id="rId34" Type="http://schemas.openxmlformats.org/officeDocument/2006/relationships/tags" Target="../tags/tag128.xml"/><Relationship Id="rId50" Type="http://schemas.openxmlformats.org/officeDocument/2006/relationships/tags" Target="../tags/tag144.xml"/><Relationship Id="rId55" Type="http://schemas.openxmlformats.org/officeDocument/2006/relationships/tags" Target="../tags/tag149.xml"/><Relationship Id="rId76" Type="http://schemas.openxmlformats.org/officeDocument/2006/relationships/tags" Target="../tags/tag170.xml"/><Relationship Id="rId97" Type="http://schemas.openxmlformats.org/officeDocument/2006/relationships/tags" Target="../tags/tag191.xml"/><Relationship Id="rId104" Type="http://schemas.openxmlformats.org/officeDocument/2006/relationships/tags" Target="../tags/tag198.xml"/><Relationship Id="rId120" Type="http://schemas.openxmlformats.org/officeDocument/2006/relationships/tags" Target="../tags/tag214.xml"/><Relationship Id="rId125" Type="http://schemas.openxmlformats.org/officeDocument/2006/relationships/tags" Target="../tags/tag219.xml"/><Relationship Id="rId141" Type="http://schemas.openxmlformats.org/officeDocument/2006/relationships/tags" Target="../tags/tag235.xml"/><Relationship Id="rId146" Type="http://schemas.openxmlformats.org/officeDocument/2006/relationships/tags" Target="../tags/tag240.xml"/><Relationship Id="rId7" Type="http://schemas.openxmlformats.org/officeDocument/2006/relationships/slideLayout" Target="../slideLayouts/slideLayout37.xml"/><Relationship Id="rId71" Type="http://schemas.openxmlformats.org/officeDocument/2006/relationships/tags" Target="../tags/tag165.xml"/><Relationship Id="rId92" Type="http://schemas.openxmlformats.org/officeDocument/2006/relationships/tags" Target="../tags/tag186.xml"/><Relationship Id="rId2" Type="http://schemas.openxmlformats.org/officeDocument/2006/relationships/slideLayout" Target="../slideLayouts/slideLayout32.xml"/><Relationship Id="rId29" Type="http://schemas.openxmlformats.org/officeDocument/2006/relationships/slideLayout" Target="../slideLayouts/slideLayout59.xml"/><Relationship Id="rId24" Type="http://schemas.openxmlformats.org/officeDocument/2006/relationships/slideLayout" Target="../slideLayouts/slideLayout54.xml"/><Relationship Id="rId40" Type="http://schemas.openxmlformats.org/officeDocument/2006/relationships/tags" Target="../tags/tag134.xml"/><Relationship Id="rId45" Type="http://schemas.openxmlformats.org/officeDocument/2006/relationships/tags" Target="../tags/tag139.xml"/><Relationship Id="rId66" Type="http://schemas.openxmlformats.org/officeDocument/2006/relationships/tags" Target="../tags/tag160.xml"/><Relationship Id="rId87" Type="http://schemas.openxmlformats.org/officeDocument/2006/relationships/tags" Target="../tags/tag181.xml"/><Relationship Id="rId110" Type="http://schemas.openxmlformats.org/officeDocument/2006/relationships/tags" Target="../tags/tag204.xml"/><Relationship Id="rId115" Type="http://schemas.openxmlformats.org/officeDocument/2006/relationships/tags" Target="../tags/tag209.xml"/><Relationship Id="rId131" Type="http://schemas.openxmlformats.org/officeDocument/2006/relationships/tags" Target="../tags/tag225.xml"/><Relationship Id="rId136" Type="http://schemas.openxmlformats.org/officeDocument/2006/relationships/tags" Target="../tags/tag230.xml"/><Relationship Id="rId61" Type="http://schemas.openxmlformats.org/officeDocument/2006/relationships/tags" Target="../tags/tag155.xml"/><Relationship Id="rId82" Type="http://schemas.openxmlformats.org/officeDocument/2006/relationships/tags" Target="../tags/tag176.xml"/><Relationship Id="rId152" Type="http://schemas.openxmlformats.org/officeDocument/2006/relationships/tags" Target="../tags/tag246.xml"/><Relationship Id="rId19" Type="http://schemas.openxmlformats.org/officeDocument/2006/relationships/slideLayout" Target="../slideLayouts/slideLayout49.xml"/><Relationship Id="rId14" Type="http://schemas.openxmlformats.org/officeDocument/2006/relationships/slideLayout" Target="../slideLayouts/slideLayout44.xml"/><Relationship Id="rId30" Type="http://schemas.openxmlformats.org/officeDocument/2006/relationships/theme" Target="../theme/theme2.xml"/><Relationship Id="rId35" Type="http://schemas.openxmlformats.org/officeDocument/2006/relationships/tags" Target="../tags/tag129.xml"/><Relationship Id="rId56" Type="http://schemas.openxmlformats.org/officeDocument/2006/relationships/tags" Target="../tags/tag150.xml"/><Relationship Id="rId77" Type="http://schemas.openxmlformats.org/officeDocument/2006/relationships/tags" Target="../tags/tag171.xml"/><Relationship Id="rId100" Type="http://schemas.openxmlformats.org/officeDocument/2006/relationships/tags" Target="../tags/tag194.xml"/><Relationship Id="rId105" Type="http://schemas.openxmlformats.org/officeDocument/2006/relationships/tags" Target="../tags/tag199.xml"/><Relationship Id="rId126" Type="http://schemas.openxmlformats.org/officeDocument/2006/relationships/tags" Target="../tags/tag220.xml"/><Relationship Id="rId147" Type="http://schemas.openxmlformats.org/officeDocument/2006/relationships/tags" Target="../tags/tag241.xml"/><Relationship Id="rId8" Type="http://schemas.openxmlformats.org/officeDocument/2006/relationships/slideLayout" Target="../slideLayouts/slideLayout38.xml"/><Relationship Id="rId51" Type="http://schemas.openxmlformats.org/officeDocument/2006/relationships/tags" Target="../tags/tag145.xml"/><Relationship Id="rId72" Type="http://schemas.openxmlformats.org/officeDocument/2006/relationships/tags" Target="../tags/tag166.xml"/><Relationship Id="rId93" Type="http://schemas.openxmlformats.org/officeDocument/2006/relationships/tags" Target="../tags/tag187.xml"/><Relationship Id="rId98" Type="http://schemas.openxmlformats.org/officeDocument/2006/relationships/tags" Target="../tags/tag192.xml"/><Relationship Id="rId121" Type="http://schemas.openxmlformats.org/officeDocument/2006/relationships/tags" Target="../tags/tag215.xml"/><Relationship Id="rId142" Type="http://schemas.openxmlformats.org/officeDocument/2006/relationships/tags" Target="../tags/tag236.xml"/><Relationship Id="rId3" Type="http://schemas.openxmlformats.org/officeDocument/2006/relationships/slideLayout" Target="../slideLayouts/slideLayout33.xml"/><Relationship Id="rId25" Type="http://schemas.openxmlformats.org/officeDocument/2006/relationships/slideLayout" Target="../slideLayouts/slideLayout55.xml"/><Relationship Id="rId46" Type="http://schemas.openxmlformats.org/officeDocument/2006/relationships/tags" Target="../tags/tag140.xml"/><Relationship Id="rId67" Type="http://schemas.openxmlformats.org/officeDocument/2006/relationships/tags" Target="../tags/tag161.xml"/><Relationship Id="rId116" Type="http://schemas.openxmlformats.org/officeDocument/2006/relationships/tags" Target="../tags/tag210.xml"/><Relationship Id="rId137" Type="http://schemas.openxmlformats.org/officeDocument/2006/relationships/tags" Target="../tags/tag231.xml"/><Relationship Id="rId20" Type="http://schemas.openxmlformats.org/officeDocument/2006/relationships/slideLayout" Target="../slideLayouts/slideLayout50.xml"/><Relationship Id="rId41" Type="http://schemas.openxmlformats.org/officeDocument/2006/relationships/tags" Target="../tags/tag135.xml"/><Relationship Id="rId62" Type="http://schemas.openxmlformats.org/officeDocument/2006/relationships/tags" Target="../tags/tag156.xml"/><Relationship Id="rId83" Type="http://schemas.openxmlformats.org/officeDocument/2006/relationships/tags" Target="../tags/tag177.xml"/><Relationship Id="rId88" Type="http://schemas.openxmlformats.org/officeDocument/2006/relationships/tags" Target="../tags/tag182.xml"/><Relationship Id="rId111" Type="http://schemas.openxmlformats.org/officeDocument/2006/relationships/tags" Target="../tags/tag205.xml"/><Relationship Id="rId132" Type="http://schemas.openxmlformats.org/officeDocument/2006/relationships/tags" Target="../tags/tag226.xml"/><Relationship Id="rId153" Type="http://schemas.openxmlformats.org/officeDocument/2006/relationships/tags" Target="../tags/tag247.xml"/><Relationship Id="rId15" Type="http://schemas.openxmlformats.org/officeDocument/2006/relationships/slideLayout" Target="../slideLayouts/slideLayout45.xml"/><Relationship Id="rId36" Type="http://schemas.openxmlformats.org/officeDocument/2006/relationships/tags" Target="../tags/tag130.xml"/><Relationship Id="rId57" Type="http://schemas.openxmlformats.org/officeDocument/2006/relationships/tags" Target="../tags/tag151.xml"/><Relationship Id="rId106" Type="http://schemas.openxmlformats.org/officeDocument/2006/relationships/tags" Target="../tags/tag200.xml"/><Relationship Id="rId127" Type="http://schemas.openxmlformats.org/officeDocument/2006/relationships/tags" Target="../tags/tag221.xml"/><Relationship Id="rId10" Type="http://schemas.openxmlformats.org/officeDocument/2006/relationships/slideLayout" Target="../slideLayouts/slideLayout40.xml"/><Relationship Id="rId31" Type="http://schemas.openxmlformats.org/officeDocument/2006/relationships/tags" Target="../tags/tag125.xml"/><Relationship Id="rId52" Type="http://schemas.openxmlformats.org/officeDocument/2006/relationships/tags" Target="../tags/tag146.xml"/><Relationship Id="rId73" Type="http://schemas.openxmlformats.org/officeDocument/2006/relationships/tags" Target="../tags/tag167.xml"/><Relationship Id="rId78" Type="http://schemas.openxmlformats.org/officeDocument/2006/relationships/tags" Target="../tags/tag172.xml"/><Relationship Id="rId94" Type="http://schemas.openxmlformats.org/officeDocument/2006/relationships/tags" Target="../tags/tag188.xml"/><Relationship Id="rId99" Type="http://schemas.openxmlformats.org/officeDocument/2006/relationships/tags" Target="../tags/tag193.xml"/><Relationship Id="rId101" Type="http://schemas.openxmlformats.org/officeDocument/2006/relationships/tags" Target="../tags/tag195.xml"/><Relationship Id="rId122" Type="http://schemas.openxmlformats.org/officeDocument/2006/relationships/tags" Target="../tags/tag216.xml"/><Relationship Id="rId143" Type="http://schemas.openxmlformats.org/officeDocument/2006/relationships/tags" Target="../tags/tag237.xml"/><Relationship Id="rId148" Type="http://schemas.openxmlformats.org/officeDocument/2006/relationships/tags" Target="../tags/tag242.xml"/><Relationship Id="rId4" Type="http://schemas.openxmlformats.org/officeDocument/2006/relationships/slideLayout" Target="../slideLayouts/slideLayout34.xml"/><Relationship Id="rId9" Type="http://schemas.openxmlformats.org/officeDocument/2006/relationships/slideLayout" Target="../slideLayouts/slideLayout39.xml"/><Relationship Id="rId26" Type="http://schemas.openxmlformats.org/officeDocument/2006/relationships/slideLayout" Target="../slideLayouts/slideLayout56.xml"/><Relationship Id="rId47" Type="http://schemas.openxmlformats.org/officeDocument/2006/relationships/tags" Target="../tags/tag141.xml"/><Relationship Id="rId68" Type="http://schemas.openxmlformats.org/officeDocument/2006/relationships/tags" Target="../tags/tag162.xml"/><Relationship Id="rId89" Type="http://schemas.openxmlformats.org/officeDocument/2006/relationships/tags" Target="../tags/tag183.xml"/><Relationship Id="rId112" Type="http://schemas.openxmlformats.org/officeDocument/2006/relationships/tags" Target="../tags/tag206.xml"/><Relationship Id="rId133" Type="http://schemas.openxmlformats.org/officeDocument/2006/relationships/tags" Target="../tags/tag227.xml"/><Relationship Id="rId16" Type="http://schemas.openxmlformats.org/officeDocument/2006/relationships/slideLayout" Target="../slideLayouts/slideLayout46.xml"/><Relationship Id="rId37" Type="http://schemas.openxmlformats.org/officeDocument/2006/relationships/tags" Target="../tags/tag131.xml"/><Relationship Id="rId58" Type="http://schemas.openxmlformats.org/officeDocument/2006/relationships/tags" Target="../tags/tag152.xml"/><Relationship Id="rId79" Type="http://schemas.openxmlformats.org/officeDocument/2006/relationships/tags" Target="../tags/tag173.xml"/><Relationship Id="rId102" Type="http://schemas.openxmlformats.org/officeDocument/2006/relationships/tags" Target="../tags/tag196.xml"/><Relationship Id="rId123" Type="http://schemas.openxmlformats.org/officeDocument/2006/relationships/tags" Target="../tags/tag217.xml"/><Relationship Id="rId144" Type="http://schemas.openxmlformats.org/officeDocument/2006/relationships/tags" Target="../tags/tag238.xml"/><Relationship Id="rId90" Type="http://schemas.openxmlformats.org/officeDocument/2006/relationships/tags" Target="../tags/tag18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e05b9042-0e45-4cdf-a177-91a0befc3ce7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72 Brand" panose="020B0504030603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  <p:sldLayoutId id="2147483826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e05b9042-0e45-4cdf-a177-91a0befc3ce7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72 Brand" panose="020B0504030603020204" pitchFamily="34" charset="0"/>
              </a:rPr>
              <a:t>SAP Internal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59455069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7" r:id="rId1"/>
    <p:sldLayoutId id="2147483798" r:id="rId2"/>
    <p:sldLayoutId id="2147483799" r:id="rId3"/>
    <p:sldLayoutId id="2147483800" r:id="rId4"/>
    <p:sldLayoutId id="2147483801" r:id="rId5"/>
    <p:sldLayoutId id="2147483802" r:id="rId6"/>
    <p:sldLayoutId id="2147483803" r:id="rId7"/>
    <p:sldLayoutId id="2147483804" r:id="rId8"/>
    <p:sldLayoutId id="2147483805" r:id="rId9"/>
    <p:sldLayoutId id="2147483806" r:id="rId10"/>
    <p:sldLayoutId id="2147483807" r:id="rId11"/>
    <p:sldLayoutId id="2147483808" r:id="rId12"/>
    <p:sldLayoutId id="2147483809" r:id="rId13"/>
    <p:sldLayoutId id="2147483810" r:id="rId14"/>
    <p:sldLayoutId id="2147483811" r:id="rId15"/>
    <p:sldLayoutId id="2147483812" r:id="rId16"/>
    <p:sldLayoutId id="2147483813" r:id="rId17"/>
    <p:sldLayoutId id="2147483814" r:id="rId18"/>
    <p:sldLayoutId id="2147483815" r:id="rId19"/>
    <p:sldLayoutId id="2147483816" r:id="rId20"/>
    <p:sldLayoutId id="2147483817" r:id="rId21"/>
    <p:sldLayoutId id="2147483818" r:id="rId22"/>
    <p:sldLayoutId id="2147483819" r:id="rId23"/>
    <p:sldLayoutId id="2147483820" r:id="rId24"/>
    <p:sldLayoutId id="2147483821" r:id="rId25"/>
    <p:sldLayoutId id="2147483822" r:id="rId26"/>
    <p:sldLayoutId id="2147483823" r:id="rId27"/>
    <p:sldLayoutId id="2147483824" r:id="rId28"/>
    <p:sldLayoutId id="2147483825" r:id="rId2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8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.png"/><Relationship Id="rId5" Type="http://schemas.openxmlformats.org/officeDocument/2006/relationships/image" Target="../media/image7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openxmlformats.org/officeDocument/2006/relationships/image" Target="../media/image8.png"/><Relationship Id="rId5" Type="http://schemas.openxmlformats.org/officeDocument/2006/relationships/image" Target="../media/image7.jpeg"/><Relationship Id="rId4" Type="http://schemas.openxmlformats.org/officeDocument/2006/relationships/notesSlide" Target="../notesSlides/notesSlide10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hyperlink" Target="https://github.tools.sap/sap-btp-ai-services-coe/nielsen-streamlit/tree/main" TargetMode="External"/><Relationship Id="rId7" Type="http://schemas.openxmlformats.org/officeDocument/2006/relationships/hyperlink" Target="https://sap.sharepoint.com/:x:/t/BTPAIASC/EdLmqqasqM9JjZdDmsmTFwcBRBMDrRZPbUw6VzhgMyFdHA?isSPOFile=1&amp;xsdata=MDV8MDJ8fDU4NWQxNGUzMzczMzRkYzcwZjAzMDhkZDllZDgzYmE3fDQyZjc2NzZjZjQ1NTQyM2M4MmY2ZGMyZDk5NzkxYWY3fDB8MHw2Mzg4NDEzNzM3MDc0MDcxMDd8VW5rbm93bnxWR1ZoYlhOVFpXTjFjbWwwZVZObGNuWnBZMlY4ZXlKV0lqb2lNQzR3TGpBd01EQWlMQ0pRSWpvaVYybHVNeklpTENKQlRpSTZJazkwYUdWeUlpd2lWMVFpT2pFeGZRPT18MXxMMk5vWVhSekx6RTVPbU13WlRoa05qSTNaRGt5TkRRMFpqVTRNakV6TURjNE9XTTNZVFZtTVRkalFIUm9jbVZoWkM1Mk1pOXRaWE56WVdkbGN5OHhOelE0TlRRd05UY3dNVEkzfDAxZTRmNGZhZjI5MjQ3N2UwZjAzMDhkZDllZDgzYmE3fDkwM2YzOGYzZjlhMjRiODdiZWM2YjVmZGRjMjE4MmJj&amp;sdata=b24xbktRb0thMFIzbkgrdXY5ZWZBMEIzVDJVNkxkSE1naDhoOWVkamVmZz0%3D&amp;ovuser=42f7676c-f455-423c-82f6-dc2d99791af7%2Candrii.rzhaksynskyi%40sap.com" TargetMode="Externa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0.xml"/><Relationship Id="rId6" Type="http://schemas.openxmlformats.org/officeDocument/2006/relationships/hyperlink" Target="https://sap.sharepoint.com/:v:/r/teams/BTPAIASC/Shared%20Documents/01.%20Customers/Nielsen/Nielsen%20Intelligent%20Purchasing%20Agent.mp4?csf=1&amp;web=1&amp;e=eKi05U" TargetMode="External"/><Relationship Id="rId5" Type="http://schemas.openxmlformats.org/officeDocument/2006/relationships/hyperlink" Target="https://sap-my.sharepoint.com/:w:/r/personal/andrii_rzhaksynskyi_sap_com/Documents/Microsoft%20Teams%20Chat%20Files/Ai4U_Nielsen_PoC_Design_Document.docx?d=wb9d6c4aca38b4402a9777746f1c82306&amp;csf=1&amp;web=1&amp;e=gtmAxM" TargetMode="External"/><Relationship Id="rId4" Type="http://schemas.openxmlformats.org/officeDocument/2006/relationships/hyperlink" Target="https://nielsen-agent.cfapps.eu10.hana.ondemand.com/" TargetMode="External"/><Relationship Id="rId9" Type="http://schemas.openxmlformats.org/officeDocument/2006/relationships/image" Target="../media/image10.sv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0.xml"/><Relationship Id="rId6" Type="http://schemas.openxmlformats.org/officeDocument/2006/relationships/hyperlink" Target="https://editor.signavio.com/p/editor?id=437cf193af1c4457b2d77b4607558287" TargetMode="External"/><Relationship Id="rId5" Type="http://schemas.openxmlformats.org/officeDocument/2006/relationships/image" Target="../media/image11.png"/><Relationship Id="rId4" Type="http://schemas.openxmlformats.org/officeDocument/2006/relationships/image" Target="../media/image10.sv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0.xml"/><Relationship Id="rId5" Type="http://schemas.openxmlformats.org/officeDocument/2006/relationships/image" Target="../media/image12.png"/><Relationship Id="rId4" Type="http://schemas.openxmlformats.org/officeDocument/2006/relationships/image" Target="../media/image10.sv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0.xml"/><Relationship Id="rId6" Type="http://schemas.openxmlformats.org/officeDocument/2006/relationships/hyperlink" Target="https://github.tools.sap/sap-btp-ai-services-coe/nielsen-streamlit/blob/main/Nielsen%20202507-Nielsen%20Process%20Flow.drawio.png" TargetMode="External"/><Relationship Id="rId5" Type="http://schemas.openxmlformats.org/officeDocument/2006/relationships/image" Target="../media/image13.png"/><Relationship Id="rId4" Type="http://schemas.openxmlformats.org/officeDocument/2006/relationships/image" Target="../media/image10.sv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0.xml"/><Relationship Id="rId4" Type="http://schemas.openxmlformats.org/officeDocument/2006/relationships/image" Target="../media/image10.sv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0.xml"/><Relationship Id="rId4" Type="http://schemas.openxmlformats.org/officeDocument/2006/relationships/image" Target="../media/image10.sv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0.xml"/><Relationship Id="rId4" Type="http://schemas.openxmlformats.org/officeDocument/2006/relationships/image" Target="../media/image10.sv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0.xml"/><Relationship Id="rId5" Type="http://schemas.openxmlformats.org/officeDocument/2006/relationships/image" Target="../media/image14.png"/><Relationship Id="rId4" Type="http://schemas.openxmlformats.org/officeDocument/2006/relationships/image" Target="../media/image10.sv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1653" y="4087188"/>
            <a:ext cx="10316665" cy="997196"/>
          </a:xfrm>
        </p:spPr>
        <p:txBody>
          <a:bodyPr/>
          <a:lstStyle/>
          <a:p>
            <a:r>
              <a:rPr lang="en-US" dirty="0"/>
              <a:t>Nielsen tech design</a:t>
            </a:r>
            <a:br>
              <a:rPr lang="en-US" dirty="0"/>
            </a:br>
            <a:r>
              <a:rPr lang="en-US" dirty="0">
                <a:solidFill>
                  <a:schemeClr val="tx2"/>
                </a:solidFill>
              </a:rPr>
              <a:t>SAP BTP AI use cases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ED9D2B3-992D-AFB8-6A64-0FB9A989F4CB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1" t="36563" r="1" b="14048"/>
          <a:stretch/>
        </p:blipFill>
        <p:spPr>
          <a:xfrm>
            <a:off x="0" y="0"/>
            <a:ext cx="12195175" cy="3521364"/>
          </a:xfrm>
          <a:prstGeom prst="rect">
            <a:avLst/>
          </a:prstGeom>
        </p:spPr>
      </p:pic>
      <p:pic>
        <p:nvPicPr>
          <p:cNvPr id="6" name="LogoBlue-Dynamic" descr="{&quot;templafy&quot;:{&quot;id&quot;:&quot;cc4b7fa6-778f-4833-8456-b2959f62c8b4&quot;}}">
            <a:extLst>
              <a:ext uri="{FF2B5EF4-FFF2-40B4-BE49-F238E27FC236}">
                <a16:creationId xmlns:a16="http://schemas.microsoft.com/office/drawing/2014/main" id="{6E89841A-436C-B449-3E4B-81A1FCB3FCB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1165797" y="5729628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7d0313a9-572b-4b1a-be2e-2387ea1b4290&quot;}}">
            <a:extLst>
              <a:ext uri="{FF2B5EF4-FFF2-40B4-BE49-F238E27FC236}">
                <a16:creationId xmlns:a16="http://schemas.microsoft.com/office/drawing/2014/main" id="{DC2EF83C-365F-4116-31E2-585230803428}"/>
              </a:ext>
            </a:extLst>
          </p:cNvPr>
          <p:cNvSpPr txBox="1"/>
          <p:nvPr/>
        </p:nvSpPr>
        <p:spPr>
          <a:xfrm>
            <a:off x="10390884" y="4652305"/>
            <a:ext cx="1138509" cy="264434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AP Internal Only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7588618A-3941-F4A8-117F-F4F5995E97B0}"/>
              </a:ext>
            </a:extLst>
          </p:cNvPr>
          <p:cNvSpPr/>
          <p:nvPr/>
        </p:nvSpPr>
        <p:spPr bwMode="gray">
          <a:xfrm>
            <a:off x="0" y="0"/>
            <a:ext cx="12195175" cy="409481"/>
          </a:xfrm>
          <a:prstGeom prst="rect">
            <a:avLst/>
          </a:prstGeom>
          <a:solidFill>
            <a:schemeClr val="bg1"/>
          </a:solidFill>
          <a:ln w="25400" algn="ctr">
            <a:solidFill>
              <a:schemeClr val="bg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4" name="Picture 3" descr="A logo with blue and white text&#10;&#10;Description automatically generated">
            <a:extLst>
              <a:ext uri="{FF2B5EF4-FFF2-40B4-BE49-F238E27FC236}">
                <a16:creationId xmlns:a16="http://schemas.microsoft.com/office/drawing/2014/main" id="{920E96E2-9772-0A0D-BD00-463DD9FAE81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380723" y="409481"/>
            <a:ext cx="1386227" cy="838800"/>
          </a:xfrm>
          <a:prstGeom prst="rect">
            <a:avLst/>
          </a:prstGeom>
        </p:spPr>
      </p:pic>
      <p:sp>
        <p:nvSpPr>
          <p:cNvPr id="2" name="Spaker name - Dynamic" descr="{&quot;templafy&quot;:{&quot;id&quot;:&quot;3dc3be16-37df-4776-8743-a9f368c8bed5&quot;}}">
            <a:extLst>
              <a:ext uri="{FF2B5EF4-FFF2-40B4-BE49-F238E27FC236}">
                <a16:creationId xmlns:a16="http://schemas.microsoft.com/office/drawing/2014/main" id="{C146DDF0-6BF3-AEB8-269C-F3807EFC4FF5}"/>
              </a:ext>
            </a:extLst>
          </p:cNvPr>
          <p:cNvSpPr txBox="1">
            <a:spLocks/>
          </p:cNvSpPr>
          <p:nvPr/>
        </p:nvSpPr>
        <p:spPr>
          <a:xfrm>
            <a:off x="278436" y="5267504"/>
            <a:ext cx="5940000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SAP BTP AI Team – Andrii Rzhaksynskyi, </a:t>
            </a:r>
            <a:r>
              <a:rPr lang="en-GB" sz="1400" dirty="0"/>
              <a:t>Joel Rodriguez</a:t>
            </a:r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 </a:t>
            </a:r>
          </a:p>
        </p:txBody>
      </p:sp>
      <p:sp>
        <p:nvSpPr>
          <p:cNvPr id="3" name="Date - Dynamic" descr="{&quot;templafy&quot;:{&quot;id&quot;:&quot;21fb78ab-a785-42e7-92aa-74ef42c4e84f&quot;}}">
            <a:extLst>
              <a:ext uri="{FF2B5EF4-FFF2-40B4-BE49-F238E27FC236}">
                <a16:creationId xmlns:a16="http://schemas.microsoft.com/office/drawing/2014/main" id="{D4D3B4D7-FDD2-AAE3-9BBB-C79BBFC79C59}"/>
              </a:ext>
            </a:extLst>
          </p:cNvPr>
          <p:cNvSpPr txBox="1">
            <a:spLocks/>
          </p:cNvSpPr>
          <p:nvPr/>
        </p:nvSpPr>
        <p:spPr>
          <a:xfrm>
            <a:off x="278436" y="559598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Aug 2025</a:t>
            </a:r>
          </a:p>
        </p:txBody>
      </p:sp>
      <p:sp>
        <p:nvSpPr>
          <p:cNvPr id="8" name="Copyright Placeholder" descr="{&quot;templafy&quot;:{&quot;id&quot;:&quot;e05b9042-0e45-4cdf-a177-91a0befc3ce7&quot;}}">
            <a:extLst>
              <a:ext uri="{FF2B5EF4-FFF2-40B4-BE49-F238E27FC236}">
                <a16:creationId xmlns:a16="http://schemas.microsoft.com/office/drawing/2014/main" id="{65045308-FE35-E1FE-C5A0-75A86967683C}"/>
              </a:ext>
            </a:extLst>
          </p:cNvPr>
          <p:cNvSpPr txBox="1">
            <a:spLocks/>
          </p:cNvSpPr>
          <p:nvPr/>
        </p:nvSpPr>
        <p:spPr>
          <a:xfrm>
            <a:off x="278436" y="6619878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72 Brand" panose="020B0504030603020204" pitchFamily="34" charset="0"/>
              </a:rPr>
              <a:t>INTERNAL – SAP and Partners Only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90849" y="4822825"/>
            <a:ext cx="5413477" cy="846386"/>
          </a:xfrm>
        </p:spPr>
        <p:txBody>
          <a:bodyPr/>
          <a:lstStyle/>
          <a:p>
            <a:pPr algn="ctr"/>
            <a:r>
              <a:rPr lang="en-US"/>
              <a:t>Thank you!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5DEB18EF-2599-5338-B1F4-C212D89EC74F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1" t="36563" r="1" b="14048"/>
          <a:stretch/>
        </p:blipFill>
        <p:spPr>
          <a:xfrm>
            <a:off x="0" y="0"/>
            <a:ext cx="12195175" cy="3521364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A5C01A4F-AE78-084C-4867-03836C42AF23}"/>
              </a:ext>
            </a:extLst>
          </p:cNvPr>
          <p:cNvSpPr/>
          <p:nvPr/>
        </p:nvSpPr>
        <p:spPr bwMode="gray">
          <a:xfrm>
            <a:off x="0" y="0"/>
            <a:ext cx="12195175" cy="409481"/>
          </a:xfrm>
          <a:prstGeom prst="rect">
            <a:avLst/>
          </a:prstGeom>
          <a:solidFill>
            <a:schemeClr val="bg1"/>
          </a:solidFill>
          <a:ln w="25400" algn="ctr">
            <a:solidFill>
              <a:schemeClr val="bg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" name="Picture 4" descr="A logo with blue and white text&#10;&#10;Description automatically generated">
            <a:extLst>
              <a:ext uri="{FF2B5EF4-FFF2-40B4-BE49-F238E27FC236}">
                <a16:creationId xmlns:a16="http://schemas.microsoft.com/office/drawing/2014/main" id="{11400E61-A77D-AAF7-1F69-4D00620B0E2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380723" y="409481"/>
            <a:ext cx="1386227" cy="8388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D7F69A8-453E-B57D-0229-3ADAC397E9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3">
            <a:extLst>
              <a:ext uri="{FF2B5EF4-FFF2-40B4-BE49-F238E27FC236}">
                <a16:creationId xmlns:a16="http://schemas.microsoft.com/office/drawing/2014/main" id="{94098CC8-67A5-8D84-8625-E1B03ADC5CED}"/>
              </a:ext>
            </a:extLst>
          </p:cNvPr>
          <p:cNvSpPr txBox="1">
            <a:spLocks/>
          </p:cNvSpPr>
          <p:nvPr/>
        </p:nvSpPr>
        <p:spPr>
          <a:xfrm>
            <a:off x="509192" y="411365"/>
            <a:ext cx="11183564" cy="553854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599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ielsen POC UI &amp; resources</a:t>
            </a:r>
          </a:p>
        </p:txBody>
      </p:sp>
      <p:sp>
        <p:nvSpPr>
          <p:cNvPr id="2" name="Agenda items">
            <a:extLst>
              <a:ext uri="{FF2B5EF4-FFF2-40B4-BE49-F238E27FC236}">
                <a16:creationId xmlns:a16="http://schemas.microsoft.com/office/drawing/2014/main" id="{9F086037-5456-8C07-3BAE-BD2F4103F230}"/>
              </a:ext>
            </a:extLst>
          </p:cNvPr>
          <p:cNvSpPr txBox="1">
            <a:spLocks/>
          </p:cNvSpPr>
          <p:nvPr/>
        </p:nvSpPr>
        <p:spPr bwMode="gray">
          <a:xfrm>
            <a:off x="509192" y="1415816"/>
            <a:ext cx="10828736" cy="3727851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Tx/>
              <a:buSzPct val="80000"/>
              <a:buFont typeface="72 Brand" panose="02000000000000000000" pitchFamily="2" charset="0"/>
              <a:buChar char="​"/>
              <a:defRPr sz="20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b="0" i="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80000"/>
              <a:buFont typeface="Courier New" panose="02070309020205020404" pitchFamily="49" charset="0"/>
              <a:buChar char="o"/>
              <a:defRPr sz="16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="0" i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85750" indent="-285750">
              <a:buClr>
                <a:schemeClr val="bg2">
                  <a:lumMod val="75000"/>
                </a:schemeClr>
              </a:buClr>
              <a:buFont typeface="Wingdings" panose="05000000000000000000" pitchFamily="2" charset="2"/>
              <a:buChar char="q"/>
              <a:defRPr/>
            </a:pPr>
            <a:r>
              <a:rPr lang="en-GB" sz="1600" dirty="0"/>
              <a:t>Git: </a:t>
            </a:r>
            <a:r>
              <a:rPr lang="en-GB" sz="1600" dirty="0">
                <a:hlinkClick r:id="rId3" tooltip="https://github.tools.sap/sap-btp-ai-services-coe/nielsen-streamlit/tree/main"/>
              </a:rPr>
              <a:t>https://github.tools.sap/sap-btp-ai-services-coe/nielsen-streamlit/tree/main</a:t>
            </a:r>
            <a:endParaRPr lang="en-GB" sz="1600" dirty="0"/>
          </a:p>
          <a:p>
            <a:pPr marL="285750" indent="-285750">
              <a:buClr>
                <a:schemeClr val="bg2">
                  <a:lumMod val="75000"/>
                </a:schemeClr>
              </a:buClr>
              <a:buFont typeface="Wingdings" panose="05000000000000000000" pitchFamily="2" charset="2"/>
              <a:buChar char="q"/>
              <a:defRPr/>
            </a:pPr>
            <a:r>
              <a:rPr lang="en-GB" sz="1600" dirty="0"/>
              <a:t>App: </a:t>
            </a:r>
            <a:r>
              <a:rPr lang="en-GB" sz="1600" dirty="0">
                <a:hlinkClick r:id="rId4" tooltip="https://nielsen-agent.cfapps.eu10.hana.ondemand.com/"/>
              </a:rPr>
              <a:t>https://nielsen-agent.cfapps.eu10.hana.ondemand.com/</a:t>
            </a:r>
            <a:endParaRPr lang="en-GB" sz="1600" dirty="0"/>
          </a:p>
          <a:p>
            <a:pPr marL="285750" indent="-285750">
              <a:buClr>
                <a:schemeClr val="bg2">
                  <a:lumMod val="75000"/>
                </a:schemeClr>
              </a:buClr>
              <a:buFont typeface="Wingdings" panose="05000000000000000000" pitchFamily="2" charset="2"/>
              <a:buChar char="q"/>
              <a:defRPr/>
            </a:pPr>
            <a:r>
              <a:rPr lang="en-GB" sz="1600" dirty="0"/>
              <a:t>Business Scenario Design Document  </a:t>
            </a:r>
            <a:r>
              <a:rPr lang="en-GB" sz="1600" dirty="0">
                <a:hlinkClick r:id="rId5"/>
              </a:rPr>
              <a:t>Link</a:t>
            </a:r>
            <a:endParaRPr lang="en-GB" sz="1600" dirty="0"/>
          </a:p>
          <a:p>
            <a:pPr marL="285750" indent="-285750">
              <a:buClr>
                <a:schemeClr val="bg2">
                  <a:lumMod val="75000"/>
                </a:schemeClr>
              </a:buClr>
              <a:buFont typeface="Wingdings" panose="05000000000000000000" pitchFamily="2" charset="2"/>
              <a:buChar char="q"/>
              <a:defRPr/>
            </a:pPr>
            <a:r>
              <a:rPr lang="en-GB" sz="1600" dirty="0"/>
              <a:t>Video – </a:t>
            </a:r>
            <a:r>
              <a:rPr lang="en-GB" sz="1600" dirty="0">
                <a:hlinkClick r:id="rId6"/>
              </a:rPr>
              <a:t>Nielsen Intelligent Purchasing Agent.mp4</a:t>
            </a:r>
            <a:endParaRPr lang="en-GB" sz="1600" dirty="0"/>
          </a:p>
          <a:p>
            <a:pPr marL="285750" indent="-285750">
              <a:buClr>
                <a:schemeClr val="bg2">
                  <a:lumMod val="75000"/>
                </a:schemeClr>
              </a:buClr>
              <a:buFont typeface="Wingdings" panose="05000000000000000000" pitchFamily="2" charset="2"/>
              <a:buChar char="q"/>
              <a:defRPr/>
            </a:pPr>
            <a:r>
              <a:rPr lang="en-GB" sz="1600" dirty="0"/>
              <a:t>Decision tree from Customer </a:t>
            </a:r>
            <a:r>
              <a:rPr lang="en-GB" sz="1600" dirty="0">
                <a:hlinkClick r:id="rId7" tooltip="https://sap.sharepoint.com/:x:/t/btpaiasc/edlmqqasqm9jjzddmsmtfwcbrbmdrrzpbuw6vzhgmyfdha?isspofile=1&amp;xsdata=mdv8mdj8fdu4nwqxnguzmzczmzrkyzcwzjazmdhkzdllzdgzyme3fdqyzjc2nzzjzjq1ntqym2m4mmy2zgmyzdk5nzkxywy3fdb8mhw2mzg4ndeznzm3mdc0mdcxmdd8vw5rbm93bnxwr1zoylhovfpxtjfjbwwwzvzobgnuwnbzmly4zxlkv0lqb2lnqzr3tgpbd01eqwlmq0prswpvavyybhvneklptenkqlrpstzjazkwyudweulpd2lwmvfpt2pfegzrpt18mxxmmk5vwvhsekx6rtvpbu13wlroa05qstnargt5tkrrmfpqvtrnakv6turjne9xttnzvfzttvrkalfium9jbvzowkm1mk1poxrawe56wvdkbgn5ohhoele0tlrrd05uy3dnvekzfdaxztrmngzhzji5mjq3n2uwzjazmdhkzdllzdgzyme3fdkwm2yzogyzzjlhmjrioddizwm2yjvmzgrjmje4mmjj&amp;sdata=b24xbktrb0thmfizbkgrdxy5zwzbmeizvdjvnkxkse1nadhoowvkamvmzz0%3d&amp;ovuser=42f7676c-f455-423c-82f6-dc2d99791af7%2candrii.rzhaksynskyi%40sap.com"/>
              </a:rPr>
              <a:t>SAP AI P2P Solution Decision Tree.xlsx</a:t>
            </a:r>
            <a:endParaRPr lang="en-GB" sz="1600" dirty="0"/>
          </a:p>
          <a:p>
            <a:pPr marL="285750" indent="-285750">
              <a:buClr>
                <a:schemeClr val="bg2">
                  <a:lumMod val="75000"/>
                </a:schemeClr>
              </a:buClr>
              <a:buFont typeface="Wingdings" panose="05000000000000000000" pitchFamily="2" charset="2"/>
              <a:buChar char="q"/>
              <a:defRPr/>
            </a:pPr>
            <a:endParaRPr lang="en-GB" sz="1600" dirty="0"/>
          </a:p>
          <a:p>
            <a:pPr marL="285750" indent="-285750">
              <a:buClr>
                <a:schemeClr val="bg2">
                  <a:lumMod val="75000"/>
                </a:schemeClr>
              </a:buClr>
              <a:buFont typeface="Wingdings" panose="05000000000000000000" pitchFamily="2" charset="2"/>
              <a:buChar char="q"/>
              <a:defRPr/>
            </a:pPr>
            <a:endParaRPr lang="en-GB" sz="1600" dirty="0"/>
          </a:p>
          <a:p>
            <a:pPr marL="285750" indent="-285750">
              <a:buClr>
                <a:schemeClr val="bg2">
                  <a:lumMod val="75000"/>
                </a:schemeClr>
              </a:buClr>
              <a:buFont typeface="Wingdings" panose="05000000000000000000" pitchFamily="2" charset="2"/>
              <a:buChar char="q"/>
              <a:defRPr/>
            </a:pPr>
            <a:endParaRPr lang="en-GB" sz="1600" dirty="0"/>
          </a:p>
          <a:p>
            <a:pPr marL="285750" indent="-285750">
              <a:buClr>
                <a:schemeClr val="bg2">
                  <a:lumMod val="75000"/>
                </a:schemeClr>
              </a:buClr>
              <a:buFont typeface="Wingdings" panose="05000000000000000000" pitchFamily="2" charset="2"/>
              <a:buChar char="q"/>
              <a:defRPr/>
            </a:pPr>
            <a:endParaRPr lang="en-US" sz="1600" dirty="0">
              <a:solidFill>
                <a:srgbClr val="000000"/>
              </a:solidFill>
              <a:latin typeface="72 Brand"/>
            </a:endParaRPr>
          </a:p>
          <a:p>
            <a:pPr marL="342797" marR="0" lvl="0" indent="-342797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1B90FF"/>
              </a:buClr>
              <a:buSzPct val="80000"/>
              <a:buFont typeface="Wingdings" panose="05000000000000000000" pitchFamily="2" charset="2"/>
              <a:buChar char="§"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+mn-ea"/>
              <a:cs typeface="+mn-cs"/>
            </a:endParaRP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5034866A-31A7-67E2-00F9-2F6C211E99E9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1693991" y="6121910"/>
            <a:ext cx="324725" cy="3247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951145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23F52BB-25E5-E94D-84F3-C09FBC71B5C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3">
            <a:extLst>
              <a:ext uri="{FF2B5EF4-FFF2-40B4-BE49-F238E27FC236}">
                <a16:creationId xmlns:a16="http://schemas.microsoft.com/office/drawing/2014/main" id="{41CB7953-46AC-529E-77E6-6B69C77B68BC}"/>
              </a:ext>
            </a:extLst>
          </p:cNvPr>
          <p:cNvSpPr txBox="1">
            <a:spLocks/>
          </p:cNvSpPr>
          <p:nvPr/>
        </p:nvSpPr>
        <p:spPr>
          <a:xfrm>
            <a:off x="509192" y="411365"/>
            <a:ext cx="11183564" cy="553854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599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ielsen process diagram - </a:t>
            </a:r>
            <a:r>
              <a:rPr kumimoji="0" lang="en-US" sz="3599" b="1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ignavio</a:t>
            </a:r>
            <a:endParaRPr kumimoji="0" lang="en-US" sz="3599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FF20EE9C-102D-4755-88EC-CA707EAFCFC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693991" y="6121910"/>
            <a:ext cx="324725" cy="324725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63D02C65-72C5-AF9D-4BF1-A55B9E6D675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2242728"/>
            <a:ext cx="12195175" cy="2372543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8C68B96C-1FFA-AE55-427E-E5B6925981E2}"/>
              </a:ext>
            </a:extLst>
          </p:cNvPr>
          <p:cNvSpPr txBox="1"/>
          <p:nvPr/>
        </p:nvSpPr>
        <p:spPr>
          <a:xfrm>
            <a:off x="5311323" y="6550223"/>
            <a:ext cx="6707393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400" dirty="0">
                <a:hlinkClick r:id="rId6"/>
              </a:rPr>
              <a:t>https://editor.signavio.com/p/editor?id=437cf193af1c4457b2d77b4607558287</a:t>
            </a:r>
            <a:r>
              <a:rPr lang="en-GB" sz="14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65435512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12317CD-2110-043F-28CE-F0CA45138EC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3">
            <a:extLst>
              <a:ext uri="{FF2B5EF4-FFF2-40B4-BE49-F238E27FC236}">
                <a16:creationId xmlns:a16="http://schemas.microsoft.com/office/drawing/2014/main" id="{7F7E9D05-D3FE-9043-19FE-DA2A364D8532}"/>
              </a:ext>
            </a:extLst>
          </p:cNvPr>
          <p:cNvSpPr txBox="1">
            <a:spLocks/>
          </p:cNvSpPr>
          <p:nvPr/>
        </p:nvSpPr>
        <p:spPr>
          <a:xfrm>
            <a:off x="509192" y="411365"/>
            <a:ext cx="11183564" cy="553854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599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r Journey &amp; Step Sequenc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AFB0FCE3-CB85-6500-5A38-D1973E86AF1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693991" y="6121910"/>
            <a:ext cx="324725" cy="324725"/>
          </a:xfrm>
          <a:prstGeom prst="rect">
            <a:avLst/>
          </a:prstGeom>
        </p:spPr>
      </p:pic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4CC6546B-1059-6CF2-BE24-420DBE3008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2811975"/>
              </p:ext>
            </p:extLst>
          </p:nvPr>
        </p:nvGraphicFramePr>
        <p:xfrm>
          <a:off x="509192" y="1188984"/>
          <a:ext cx="7901278" cy="4680044"/>
        </p:xfrm>
        <a:graphic>
          <a:graphicData uri="http://schemas.openxmlformats.org/drawingml/2006/table">
            <a:tbl>
              <a:tblPr>
                <a:tableStyleId>{E8B1032C-EA38-4F05-BA0D-38AFFFC7BED3}</a:tableStyleId>
              </a:tblPr>
              <a:tblGrid>
                <a:gridCol w="1866933">
                  <a:extLst>
                    <a:ext uri="{9D8B030D-6E8A-4147-A177-3AD203B41FA5}">
                      <a16:colId xmlns:a16="http://schemas.microsoft.com/office/drawing/2014/main" val="4085895087"/>
                    </a:ext>
                  </a:extLst>
                </a:gridCol>
                <a:gridCol w="6034345">
                  <a:extLst>
                    <a:ext uri="{9D8B030D-6E8A-4147-A177-3AD203B41FA5}">
                      <a16:colId xmlns:a16="http://schemas.microsoft.com/office/drawing/2014/main" val="2452699249"/>
                    </a:ext>
                  </a:extLst>
                </a:gridCol>
              </a:tblGrid>
              <a:tr h="400087">
                <a:tc>
                  <a:txBody>
                    <a:bodyPr/>
                    <a:lstStyle/>
                    <a:p>
                      <a:r>
                        <a:rPr lang="en-GB" b="1"/>
                        <a:t>Step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GB" b="1" dirty="0"/>
                        <a:t>Descrip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559869733"/>
                  </a:ext>
                </a:extLst>
              </a:tr>
              <a:tr h="1022444">
                <a:tc>
                  <a:txBody>
                    <a:bodyPr/>
                    <a:lstStyle/>
                    <a:p>
                      <a:r>
                        <a:rPr lang="en-GB"/>
                        <a:t>1. Data Entr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ser fills in material/vendor info. Checks against master data. Required fields must be completed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845880700"/>
                  </a:ext>
                </a:extLst>
              </a:tr>
              <a:tr h="711265">
                <a:tc>
                  <a:txBody>
                    <a:bodyPr/>
                    <a:lstStyle/>
                    <a:p>
                      <a:r>
                        <a:rPr lang="en-GB"/>
                        <a:t>2. Valid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/>
                        <a:t>At every stage, the app validates that required fields are filled and values are plausible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129168668"/>
                  </a:ext>
                </a:extLst>
              </a:tr>
              <a:tr h="711265">
                <a:tc>
                  <a:txBody>
                    <a:bodyPr/>
                    <a:lstStyle/>
                    <a:p>
                      <a:r>
                        <a:rPr lang="en-GB" dirty="0"/>
                        <a:t>3. Document Upload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sers can upload quotation (PDF). The app auto-extracts and matches data fields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927553834"/>
                  </a:ext>
                </a:extLst>
              </a:tr>
              <a:tr h="711265">
                <a:tc>
                  <a:txBody>
                    <a:bodyPr/>
                    <a:lstStyle/>
                    <a:p>
                      <a:r>
                        <a:rPr lang="en-GB"/>
                        <a:t>4. Confirm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/>
                        <a:t>The user reviews and can edit extracted data. Final validation before submission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94662003"/>
                  </a:ext>
                </a:extLst>
              </a:tr>
              <a:tr h="1022444">
                <a:tc>
                  <a:txBody>
                    <a:bodyPr/>
                    <a:lstStyle/>
                    <a:p>
                      <a:r>
                        <a:rPr lang="en-GB"/>
                        <a:t>5. Comple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he system provides feedback or success messages. Users may restart the process as needed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97421511"/>
                  </a:ext>
                </a:extLst>
              </a:tr>
            </a:tbl>
          </a:graphicData>
        </a:graphic>
      </p:graphicFrame>
      <p:pic>
        <p:nvPicPr>
          <p:cNvPr id="7" name="Picture 6">
            <a:extLst>
              <a:ext uri="{FF2B5EF4-FFF2-40B4-BE49-F238E27FC236}">
                <a16:creationId xmlns:a16="http://schemas.microsoft.com/office/drawing/2014/main" id="{2F41385A-3323-15C2-26F0-63EB68E52567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l="26156" r="26349"/>
          <a:stretch/>
        </p:blipFill>
        <p:spPr>
          <a:xfrm>
            <a:off x="8721970" y="887533"/>
            <a:ext cx="3372337" cy="56690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6347301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E69BB5D-619D-6D98-89B7-F5E882647A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3">
            <a:extLst>
              <a:ext uri="{FF2B5EF4-FFF2-40B4-BE49-F238E27FC236}">
                <a16:creationId xmlns:a16="http://schemas.microsoft.com/office/drawing/2014/main" id="{1FFA3C12-AEA5-2C08-8666-8CDA47814A4C}"/>
              </a:ext>
            </a:extLst>
          </p:cNvPr>
          <p:cNvSpPr txBox="1">
            <a:spLocks/>
          </p:cNvSpPr>
          <p:nvPr/>
        </p:nvSpPr>
        <p:spPr>
          <a:xfrm>
            <a:off x="509192" y="411365"/>
            <a:ext cx="11183564" cy="553854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599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ielsen process diagram – draw.io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304E8337-5FDC-34A8-3FE2-8AD9CEF9994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693991" y="6121910"/>
            <a:ext cx="324725" cy="324725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8E593182-1CCE-8885-9901-4CA306485AD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5283" y="1007199"/>
            <a:ext cx="11833433" cy="5439436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0A90668F-CD93-7DC6-5389-15FCDE2BB09A}"/>
              </a:ext>
            </a:extLst>
          </p:cNvPr>
          <p:cNvSpPr txBox="1"/>
          <p:nvPr/>
        </p:nvSpPr>
        <p:spPr>
          <a:xfrm>
            <a:off x="3580483" y="6601273"/>
            <a:ext cx="8751735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100" dirty="0">
                <a:hlinkClick r:id="rId6"/>
              </a:rPr>
              <a:t>https://github.tools.sap/sap-btp-ai-services-coe/nielsen-streamlit/blob/main/Nielsen%20202507-Nielsen%20Process%20Flow.drawio.png</a:t>
            </a:r>
            <a:r>
              <a:rPr lang="en-GB" sz="11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6528554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3BD233F-9E4E-0000-0DE8-11E89B0FE85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3">
            <a:extLst>
              <a:ext uri="{FF2B5EF4-FFF2-40B4-BE49-F238E27FC236}">
                <a16:creationId xmlns:a16="http://schemas.microsoft.com/office/drawing/2014/main" id="{A898B345-9C9F-6761-88DB-C4771E6BC7C1}"/>
              </a:ext>
            </a:extLst>
          </p:cNvPr>
          <p:cNvSpPr txBox="1">
            <a:spLocks/>
          </p:cNvSpPr>
          <p:nvPr/>
        </p:nvSpPr>
        <p:spPr>
          <a:xfrm>
            <a:off x="509192" y="411365"/>
            <a:ext cx="11183564" cy="553854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599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le Structure Overview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1E3BA6EA-5DC1-D9FC-5E95-BCF66971AF0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693991" y="6121910"/>
            <a:ext cx="324725" cy="324725"/>
          </a:xfrm>
          <a:prstGeom prst="rect">
            <a:avLst/>
          </a:prstGeom>
        </p:spPr>
      </p:pic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10E6FF20-A75E-1807-5BE2-8E9528FF714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092334631"/>
              </p:ext>
            </p:extLst>
          </p:nvPr>
        </p:nvGraphicFramePr>
        <p:xfrm>
          <a:off x="504031" y="1442526"/>
          <a:ext cx="11187112" cy="3291840"/>
        </p:xfrm>
        <a:graphic>
          <a:graphicData uri="http://schemas.openxmlformats.org/drawingml/2006/table">
            <a:tbl>
              <a:tblPr>
                <a:tableStyleId>{E8B1032C-EA38-4F05-BA0D-38AFFFC7BED3}</a:tableStyleId>
              </a:tblPr>
              <a:tblGrid>
                <a:gridCol w="5593556">
                  <a:extLst>
                    <a:ext uri="{9D8B030D-6E8A-4147-A177-3AD203B41FA5}">
                      <a16:colId xmlns:a16="http://schemas.microsoft.com/office/drawing/2014/main" val="443329624"/>
                    </a:ext>
                  </a:extLst>
                </a:gridCol>
                <a:gridCol w="5593556">
                  <a:extLst>
                    <a:ext uri="{9D8B030D-6E8A-4147-A177-3AD203B41FA5}">
                      <a16:colId xmlns:a16="http://schemas.microsoft.com/office/drawing/2014/main" val="248388362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r>
                        <a:rPr lang="en-GB" b="1" dirty="0"/>
                        <a:t>File/Modul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GB" b="1" dirty="0"/>
                        <a:t>Role / Main Conten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977335697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/>
                        <a:t>app.p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/>
                        <a:t>Main Streamlit logic and workflow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683629187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/>
                        <a:t>materials.p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aterial search and LLM integra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815653651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/>
                        <a:t>quotation.p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GB"/>
                        <a:t>Quotation extraction/analysis, PR crea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548519976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/>
                        <a:t>vendor.p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/>
                        <a:t>Vendor lookup and recommendation logic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17110798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/>
                        <a:t>text.p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GB"/>
                        <a:t>Text-based commodity code sugges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5197971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/>
                        <a:t>utils.p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/>
                        <a:t>Shared utilities (e.g., safe_dataframe)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090386928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/>
                        <a:t>*.csv fil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GB" dirty="0"/>
                        <a:t>Reference/master data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9372028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38327297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A9F7708-BB8A-9921-D6AA-9CB5D2B134A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3">
            <a:extLst>
              <a:ext uri="{FF2B5EF4-FFF2-40B4-BE49-F238E27FC236}">
                <a16:creationId xmlns:a16="http://schemas.microsoft.com/office/drawing/2014/main" id="{CBC1B490-F3EC-2A36-A6A7-95AAEB818F61}"/>
              </a:ext>
            </a:extLst>
          </p:cNvPr>
          <p:cNvSpPr txBox="1">
            <a:spLocks/>
          </p:cNvSpPr>
          <p:nvPr/>
        </p:nvSpPr>
        <p:spPr>
          <a:xfrm>
            <a:off x="509192" y="411365"/>
            <a:ext cx="11183564" cy="553854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599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ython Functions &amp; Responsibilities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BA56E538-5010-477C-1B55-753A59A202A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693991" y="6121910"/>
            <a:ext cx="324725" cy="324725"/>
          </a:xfrm>
          <a:prstGeom prst="rect">
            <a:avLst/>
          </a:prstGeom>
        </p:spPr>
      </p:pic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AC1ED9FA-05CB-03EE-EAF8-C61128BF616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70124362"/>
              </p:ext>
            </p:extLst>
          </p:nvPr>
        </p:nvGraphicFramePr>
        <p:xfrm>
          <a:off x="2071332" y="1494783"/>
          <a:ext cx="6583863" cy="4789489"/>
        </p:xfrm>
        <a:graphic>
          <a:graphicData uri="http://schemas.openxmlformats.org/drawingml/2006/table">
            <a:tbl>
              <a:tblPr>
                <a:tableStyleId>{E8B1032C-EA38-4F05-BA0D-38AFFFC7BED3}</a:tableStyleId>
              </a:tblPr>
              <a:tblGrid>
                <a:gridCol w="2194621">
                  <a:extLst>
                    <a:ext uri="{9D8B030D-6E8A-4147-A177-3AD203B41FA5}">
                      <a16:colId xmlns:a16="http://schemas.microsoft.com/office/drawing/2014/main" val="1119301521"/>
                    </a:ext>
                  </a:extLst>
                </a:gridCol>
                <a:gridCol w="2194621">
                  <a:extLst>
                    <a:ext uri="{9D8B030D-6E8A-4147-A177-3AD203B41FA5}">
                      <a16:colId xmlns:a16="http://schemas.microsoft.com/office/drawing/2014/main" val="2224665628"/>
                    </a:ext>
                  </a:extLst>
                </a:gridCol>
                <a:gridCol w="2194621">
                  <a:extLst>
                    <a:ext uri="{9D8B030D-6E8A-4147-A177-3AD203B41FA5}">
                      <a16:colId xmlns:a16="http://schemas.microsoft.com/office/drawing/2014/main" val="3426472273"/>
                    </a:ext>
                  </a:extLst>
                </a:gridCol>
              </a:tblGrid>
              <a:tr h="242165">
                <a:tc>
                  <a:txBody>
                    <a:bodyPr/>
                    <a:lstStyle/>
                    <a:p>
                      <a:r>
                        <a:rPr lang="en-GB" sz="1200" b="1"/>
                        <a:t>Function Name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 b="1"/>
                        <a:t>Purpose/Responsibility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 b="1" dirty="0"/>
                        <a:t>File</a:t>
                      </a:r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1429271810"/>
                  </a:ext>
                </a:extLst>
              </a:tr>
              <a:tr h="618866">
                <a:tc>
                  <a:txBody>
                    <a:bodyPr/>
                    <a:lstStyle/>
                    <a:p>
                      <a:r>
                        <a:rPr lang="en-GB" sz="1200" dirty="0" err="1"/>
                        <a:t>safe_dataframe</a:t>
                      </a:r>
                      <a:endParaRPr lang="en-GB" sz="1200" dirty="0"/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Display DataFrame compatibly with any Streamlit version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app.py, utils.py, quotation.py</a:t>
                      </a:r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3923029350"/>
                  </a:ext>
                </a:extLst>
              </a:tr>
              <a:tr h="242165">
                <a:tc>
                  <a:txBody>
                    <a:bodyPr/>
                    <a:lstStyle/>
                    <a:p>
                      <a:r>
                        <a:rPr lang="en-GB" sz="1200"/>
                        <a:t>main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Main entry point for app logic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app.py</a:t>
                      </a:r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1777584122"/>
                  </a:ext>
                </a:extLst>
              </a:tr>
              <a:tr h="430516">
                <a:tc>
                  <a:txBody>
                    <a:bodyPr/>
                    <a:lstStyle/>
                    <a:p>
                      <a:r>
                        <a:rPr lang="en-GB" sz="1200"/>
                        <a:t>get_embedding, ask_llm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Integrate with LLMs/SAP AI for materials/text search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materials.py, text.py</a:t>
                      </a:r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756346273"/>
                  </a:ext>
                </a:extLst>
              </a:tr>
              <a:tr h="430516">
                <a:tc>
                  <a:txBody>
                    <a:bodyPr/>
                    <a:lstStyle/>
                    <a:p>
                      <a:r>
                        <a:rPr lang="en-GB" sz="1200"/>
                        <a:t>search_materials_with_llm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Core LLM-based material search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materials.py</a:t>
                      </a:r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4280994777"/>
                  </a:ext>
                </a:extLst>
              </a:tr>
              <a:tr h="430516">
                <a:tc>
                  <a:txBody>
                    <a:bodyPr/>
                    <a:lstStyle/>
                    <a:p>
                      <a:r>
                        <a:rPr lang="en-GB" sz="1200"/>
                        <a:t>extract_text_from_pdf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Extract and parse text from uploaded PDF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quotation.py</a:t>
                      </a:r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4277435375"/>
                  </a:ext>
                </a:extLst>
              </a:tr>
              <a:tr h="430516">
                <a:tc>
                  <a:txBody>
                    <a:bodyPr/>
                    <a:lstStyle/>
                    <a:p>
                      <a:r>
                        <a:rPr lang="en-GB" sz="1200"/>
                        <a:t>analyze_quotation_with_llm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Analyze quotations and extract commodity codes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quotation.py</a:t>
                      </a:r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77413578"/>
                  </a:ext>
                </a:extLst>
              </a:tr>
              <a:tr h="430516">
                <a:tc>
                  <a:txBody>
                    <a:bodyPr/>
                    <a:lstStyle/>
                    <a:p>
                      <a:r>
                        <a:rPr lang="en-GB" sz="1200"/>
                        <a:t>simulate_pr_creation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Simulate creation of a purchase request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quotation.py</a:t>
                      </a:r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2744218254"/>
                  </a:ext>
                </a:extLst>
              </a:tr>
              <a:tr h="242165">
                <a:tc>
                  <a:txBody>
                    <a:bodyPr/>
                    <a:lstStyle/>
                    <a:p>
                      <a:r>
                        <a:rPr lang="en-GB" sz="1200"/>
                        <a:t>show_non_catalog_purchase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Non-catalog PR interface logic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text.py</a:t>
                      </a:r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2820431396"/>
                  </a:ext>
                </a:extLst>
              </a:tr>
              <a:tr h="430516">
                <a:tc>
                  <a:txBody>
                    <a:bodyPr/>
                    <a:lstStyle/>
                    <a:p>
                      <a:r>
                        <a:rPr lang="en-GB" sz="1200"/>
                        <a:t>find_best_vendor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Identify the best vendor for a given item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vendor.py</a:t>
                      </a:r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3515283329"/>
                  </a:ext>
                </a:extLst>
              </a:tr>
              <a:tr h="430516">
                <a:tc>
                  <a:txBody>
                    <a:bodyPr/>
                    <a:lstStyle/>
                    <a:p>
                      <a:r>
                        <a:rPr lang="en-GB" sz="1200"/>
                        <a:t>format_currency, format_number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Format numbers for display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r>
                        <a:rPr lang="en-GB" sz="1200"/>
                        <a:t>quotation.py, vendor.py</a:t>
                      </a:r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1637987588"/>
                  </a:ext>
                </a:extLst>
              </a:tr>
              <a:tr h="430516">
                <a:tc>
                  <a:txBody>
                    <a:bodyPr/>
                    <a:lstStyle/>
                    <a:p>
                      <a:r>
                        <a:rPr lang="en-US" sz="1200" dirty="0"/>
                        <a:t>...and more</a:t>
                      </a:r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endParaRPr lang="en-GB" sz="1200"/>
                    </a:p>
                  </a:txBody>
                  <a:tcPr marL="53814" marR="53814" marT="26907" marB="26907" anchor="ctr"/>
                </a:tc>
                <a:tc>
                  <a:txBody>
                    <a:bodyPr/>
                    <a:lstStyle/>
                    <a:p>
                      <a:endParaRPr lang="en-GB" sz="1200" dirty="0"/>
                    </a:p>
                  </a:txBody>
                  <a:tcPr marL="53814" marR="53814" marT="26907" marB="26907" anchor="ctr"/>
                </a:tc>
                <a:extLst>
                  <a:ext uri="{0D108BD9-81ED-4DB2-BD59-A6C34878D82A}">
                    <a16:rowId xmlns:a16="http://schemas.microsoft.com/office/drawing/2014/main" val="210310822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3814588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CB67F53-B33A-CA0D-0BB3-036DF97CB10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3">
            <a:extLst>
              <a:ext uri="{FF2B5EF4-FFF2-40B4-BE49-F238E27FC236}">
                <a16:creationId xmlns:a16="http://schemas.microsoft.com/office/drawing/2014/main" id="{43FDF045-AD0A-1B77-7F4C-0C31B2D99664}"/>
              </a:ext>
            </a:extLst>
          </p:cNvPr>
          <p:cNvSpPr txBox="1">
            <a:spLocks/>
          </p:cNvSpPr>
          <p:nvPr/>
        </p:nvSpPr>
        <p:spPr>
          <a:xfrm>
            <a:off x="509192" y="411365"/>
            <a:ext cx="11183564" cy="553854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599" b="1" i="0" u="none" strike="noStrike" kern="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reamlit</a:t>
            </a:r>
            <a:r>
              <a:rPr kumimoji="0" lang="en-US" sz="3599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logic – code pattern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87806B79-0DC4-A305-A2A7-EF284DE55C4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693991" y="6121910"/>
            <a:ext cx="324725" cy="324725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6B63E9FE-4F21-55AC-863D-56ACD7EF2D00}"/>
              </a:ext>
            </a:extLst>
          </p:cNvPr>
          <p:cNvSpPr txBox="1"/>
          <p:nvPr/>
        </p:nvSpPr>
        <p:spPr>
          <a:xfrm>
            <a:off x="1286939" y="1236736"/>
            <a:ext cx="7913077" cy="504753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400" dirty="0"/>
              <a:t># Example pseudo-logic for a </a:t>
            </a:r>
            <a:r>
              <a:rPr lang="en-GB" sz="1400" dirty="0" err="1"/>
              <a:t>Streamlit</a:t>
            </a:r>
            <a:r>
              <a:rPr lang="en-GB" sz="1400" dirty="0"/>
              <a:t> screen</a:t>
            </a:r>
          </a:p>
          <a:p>
            <a:r>
              <a:rPr lang="en-GB" sz="1400" dirty="0"/>
              <a:t>if </a:t>
            </a:r>
            <a:r>
              <a:rPr lang="en-GB" sz="1400" dirty="0" err="1"/>
              <a:t>st.session_state.get</a:t>
            </a:r>
            <a:r>
              <a:rPr lang="en-GB" sz="1400" dirty="0"/>
              <a:t>("step") == "</a:t>
            </a:r>
            <a:r>
              <a:rPr lang="en-GB" sz="1400" dirty="0">
                <a:highlight>
                  <a:srgbClr val="FFFF00"/>
                </a:highlight>
              </a:rPr>
              <a:t>entry</a:t>
            </a:r>
            <a:r>
              <a:rPr lang="en-GB" sz="1400" dirty="0"/>
              <a:t>":</a:t>
            </a:r>
          </a:p>
          <a:p>
            <a:r>
              <a:rPr lang="en-GB" sz="1400" dirty="0"/>
              <a:t>    # Show form</a:t>
            </a:r>
          </a:p>
          <a:p>
            <a:r>
              <a:rPr lang="en-GB" sz="1400" dirty="0"/>
              <a:t>    material = </a:t>
            </a:r>
            <a:r>
              <a:rPr lang="en-GB" sz="1400" dirty="0" err="1"/>
              <a:t>st.text_input</a:t>
            </a:r>
            <a:r>
              <a:rPr lang="en-GB" sz="1400" dirty="0"/>
              <a:t>("Material")</a:t>
            </a:r>
          </a:p>
          <a:p>
            <a:r>
              <a:rPr lang="en-GB" sz="1400" dirty="0"/>
              <a:t>    vendor = </a:t>
            </a:r>
            <a:r>
              <a:rPr lang="en-GB" sz="1400" dirty="0" err="1"/>
              <a:t>st.selectbox</a:t>
            </a:r>
            <a:r>
              <a:rPr lang="en-GB" sz="1400" dirty="0"/>
              <a:t>("Vendor", </a:t>
            </a:r>
            <a:r>
              <a:rPr lang="en-GB" sz="1400" dirty="0" err="1"/>
              <a:t>vendor_list</a:t>
            </a:r>
            <a:r>
              <a:rPr lang="en-GB" sz="1400" dirty="0"/>
              <a:t>)</a:t>
            </a:r>
          </a:p>
          <a:p>
            <a:r>
              <a:rPr lang="en-GB" sz="1400" dirty="0"/>
              <a:t>    if </a:t>
            </a:r>
            <a:r>
              <a:rPr lang="en-GB" sz="1400" dirty="0" err="1"/>
              <a:t>st.button</a:t>
            </a:r>
            <a:r>
              <a:rPr lang="en-GB" sz="1400" dirty="0"/>
              <a:t>("Next") and material and vendor:</a:t>
            </a:r>
          </a:p>
          <a:p>
            <a:r>
              <a:rPr lang="en-GB" sz="1400" dirty="0"/>
              <a:t>        </a:t>
            </a:r>
            <a:r>
              <a:rPr lang="en-GB" sz="1400" dirty="0" err="1"/>
              <a:t>st.session_state</a:t>
            </a:r>
            <a:r>
              <a:rPr lang="en-GB" sz="1400" dirty="0"/>
              <a:t>["step"] = "</a:t>
            </a:r>
            <a:r>
              <a:rPr lang="en-GB" sz="1400" dirty="0">
                <a:highlight>
                  <a:srgbClr val="FFFF00"/>
                </a:highlight>
              </a:rPr>
              <a:t>upload</a:t>
            </a:r>
            <a:r>
              <a:rPr lang="en-GB" sz="1400" dirty="0"/>
              <a:t>"</a:t>
            </a:r>
          </a:p>
          <a:p>
            <a:r>
              <a:rPr lang="en-GB" sz="1400" dirty="0"/>
              <a:t>        </a:t>
            </a:r>
            <a:r>
              <a:rPr lang="en-GB" sz="1400" dirty="0" err="1"/>
              <a:t>st.rerun</a:t>
            </a:r>
            <a:r>
              <a:rPr lang="en-GB" sz="1400" dirty="0"/>
              <a:t>()</a:t>
            </a:r>
          </a:p>
          <a:p>
            <a:r>
              <a:rPr lang="en-GB" sz="1400" dirty="0" err="1"/>
              <a:t>elif</a:t>
            </a:r>
            <a:r>
              <a:rPr lang="en-GB" sz="1400" dirty="0"/>
              <a:t> </a:t>
            </a:r>
            <a:r>
              <a:rPr lang="en-GB" sz="1400" dirty="0" err="1"/>
              <a:t>st.session_state.get</a:t>
            </a:r>
            <a:r>
              <a:rPr lang="en-GB" sz="1400" dirty="0"/>
              <a:t>("step") == "</a:t>
            </a:r>
            <a:r>
              <a:rPr lang="en-GB" sz="1400" dirty="0">
                <a:highlight>
                  <a:srgbClr val="FFFF00"/>
                </a:highlight>
              </a:rPr>
              <a:t>upload</a:t>
            </a:r>
            <a:r>
              <a:rPr lang="en-GB" sz="1400" dirty="0"/>
              <a:t>":</a:t>
            </a:r>
          </a:p>
          <a:p>
            <a:r>
              <a:rPr lang="en-GB" sz="1400" dirty="0"/>
              <a:t>    # Show upload interface</a:t>
            </a:r>
          </a:p>
          <a:p>
            <a:r>
              <a:rPr lang="en-GB" sz="1400" dirty="0"/>
              <a:t>    uploaded = </a:t>
            </a:r>
            <a:r>
              <a:rPr lang="en-GB" sz="1400" dirty="0" err="1"/>
              <a:t>st.file_uploader</a:t>
            </a:r>
            <a:r>
              <a:rPr lang="en-GB" sz="1400" dirty="0"/>
              <a:t>("Upload quotation")</a:t>
            </a:r>
          </a:p>
          <a:p>
            <a:r>
              <a:rPr lang="en-GB" sz="1400" dirty="0"/>
              <a:t>    if uploaded:</a:t>
            </a:r>
          </a:p>
          <a:p>
            <a:r>
              <a:rPr lang="en-GB" sz="1400" dirty="0"/>
              <a:t>        # Process file and extract data</a:t>
            </a:r>
          </a:p>
          <a:p>
            <a:r>
              <a:rPr lang="en-GB" sz="1400" dirty="0"/>
              <a:t>        </a:t>
            </a:r>
            <a:r>
              <a:rPr lang="en-GB" sz="1400" dirty="0" err="1"/>
              <a:t>extract_data</a:t>
            </a:r>
            <a:r>
              <a:rPr lang="en-GB" sz="1400" dirty="0"/>
              <a:t>(uploaded)</a:t>
            </a:r>
          </a:p>
          <a:p>
            <a:r>
              <a:rPr lang="en-GB" sz="1400" dirty="0"/>
              <a:t>        </a:t>
            </a:r>
            <a:r>
              <a:rPr lang="en-GB" sz="1400" dirty="0" err="1"/>
              <a:t>st.session_state</a:t>
            </a:r>
            <a:r>
              <a:rPr lang="en-GB" sz="1400" dirty="0"/>
              <a:t>["step"] = "</a:t>
            </a:r>
            <a:r>
              <a:rPr lang="en-GB" sz="1400" dirty="0">
                <a:highlight>
                  <a:srgbClr val="FFFF00"/>
                </a:highlight>
              </a:rPr>
              <a:t>review</a:t>
            </a:r>
            <a:r>
              <a:rPr lang="en-GB" sz="1400" dirty="0"/>
              <a:t>"</a:t>
            </a:r>
          </a:p>
          <a:p>
            <a:r>
              <a:rPr lang="en-GB" sz="1400" dirty="0"/>
              <a:t>        </a:t>
            </a:r>
            <a:r>
              <a:rPr lang="en-GB" sz="1400" dirty="0" err="1"/>
              <a:t>st.rerun</a:t>
            </a:r>
            <a:r>
              <a:rPr lang="en-GB" sz="1400" dirty="0"/>
              <a:t>()</a:t>
            </a:r>
          </a:p>
          <a:p>
            <a:r>
              <a:rPr lang="en-GB" sz="1400" dirty="0" err="1"/>
              <a:t>elif</a:t>
            </a:r>
            <a:r>
              <a:rPr lang="en-GB" sz="1400" dirty="0"/>
              <a:t> </a:t>
            </a:r>
            <a:r>
              <a:rPr lang="en-GB" sz="1400" dirty="0" err="1"/>
              <a:t>st.session_state.get</a:t>
            </a:r>
            <a:r>
              <a:rPr lang="en-GB" sz="1400" dirty="0"/>
              <a:t>("step") == "</a:t>
            </a:r>
            <a:r>
              <a:rPr lang="en-GB" sz="1400" dirty="0">
                <a:highlight>
                  <a:srgbClr val="FFFF00"/>
                </a:highlight>
              </a:rPr>
              <a:t>review</a:t>
            </a:r>
            <a:r>
              <a:rPr lang="en-GB" sz="1400" dirty="0"/>
              <a:t>":</a:t>
            </a:r>
          </a:p>
          <a:p>
            <a:r>
              <a:rPr lang="en-GB" sz="1400" dirty="0"/>
              <a:t>    # Show extracted data for confirmation</a:t>
            </a:r>
          </a:p>
          <a:p>
            <a:r>
              <a:rPr lang="en-GB" sz="1400" dirty="0"/>
              <a:t>    </a:t>
            </a:r>
            <a:r>
              <a:rPr lang="en-GB" sz="1400" dirty="0" err="1"/>
              <a:t>st.write</a:t>
            </a:r>
            <a:r>
              <a:rPr lang="en-GB" sz="1400" dirty="0"/>
              <a:t>(</a:t>
            </a:r>
            <a:r>
              <a:rPr lang="en-GB" sz="1400" dirty="0" err="1"/>
              <a:t>st.session_state</a:t>
            </a:r>
            <a:r>
              <a:rPr lang="en-GB" sz="1400" dirty="0"/>
              <a:t>["</a:t>
            </a:r>
            <a:r>
              <a:rPr lang="en-GB" sz="1400" dirty="0" err="1"/>
              <a:t>extracted_data</a:t>
            </a:r>
            <a:r>
              <a:rPr lang="en-GB" sz="1400" dirty="0"/>
              <a:t>"])</a:t>
            </a:r>
          </a:p>
          <a:p>
            <a:r>
              <a:rPr lang="en-GB" sz="1400" dirty="0"/>
              <a:t>    if </a:t>
            </a:r>
            <a:r>
              <a:rPr lang="en-GB" sz="1400" dirty="0" err="1"/>
              <a:t>st.button</a:t>
            </a:r>
            <a:r>
              <a:rPr lang="en-GB" sz="1400" dirty="0"/>
              <a:t>("Submit"):</a:t>
            </a:r>
          </a:p>
          <a:p>
            <a:r>
              <a:rPr lang="en-GB" sz="1400" dirty="0"/>
              <a:t>        # Final action</a:t>
            </a:r>
          </a:p>
          <a:p>
            <a:r>
              <a:rPr lang="en-GB" sz="1400" dirty="0"/>
              <a:t>        </a:t>
            </a:r>
            <a:r>
              <a:rPr lang="en-GB" sz="1400" dirty="0" err="1"/>
              <a:t>save_pr</a:t>
            </a:r>
            <a:r>
              <a:rPr lang="en-GB" sz="1400" dirty="0"/>
              <a:t>()</a:t>
            </a:r>
          </a:p>
          <a:p>
            <a:r>
              <a:rPr lang="en-GB" sz="1400" dirty="0"/>
              <a:t>        </a:t>
            </a:r>
            <a:r>
              <a:rPr lang="en-GB" sz="1400" dirty="0" err="1"/>
              <a:t>st.success</a:t>
            </a:r>
            <a:r>
              <a:rPr lang="en-GB" sz="1400" dirty="0"/>
              <a:t>("Done!")</a:t>
            </a:r>
          </a:p>
        </p:txBody>
      </p:sp>
    </p:spTree>
    <p:extLst>
      <p:ext uri="{BB962C8B-B14F-4D97-AF65-F5344CB8AC3E}">
        <p14:creationId xmlns:p14="http://schemas.microsoft.com/office/powerpoint/2010/main" val="397604120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5CC5841-10FE-A142-93C2-8EC01F86A12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3">
            <a:extLst>
              <a:ext uri="{FF2B5EF4-FFF2-40B4-BE49-F238E27FC236}">
                <a16:creationId xmlns:a16="http://schemas.microsoft.com/office/drawing/2014/main" id="{53E6179F-81A1-CC9F-682E-477280682CD9}"/>
              </a:ext>
            </a:extLst>
          </p:cNvPr>
          <p:cNvSpPr txBox="1">
            <a:spLocks/>
          </p:cNvSpPr>
          <p:nvPr/>
        </p:nvSpPr>
        <p:spPr>
          <a:xfrm>
            <a:off x="509192" y="411365"/>
            <a:ext cx="11183564" cy="553854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599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AP BTP architecture to b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3E3CCB97-F870-A533-2DEB-302F60B8A4E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693991" y="6121910"/>
            <a:ext cx="324725" cy="324725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4183FD67-FE5E-4A07-FACA-5B503D2B7B5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243762" y="1245568"/>
            <a:ext cx="9337153" cy="52010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5118018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2" id="{736938E0-E1AB-4042-A4CE-0194C800FE63}" vid="{C7D37D48-4203-544F-91AD-A2B4062096A2}"/>
    </a:ext>
  </a:extLst>
</a:theme>
</file>

<file path=ppt/theme/theme2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2" id="{736938E0-E1AB-4042-A4CE-0194C800FE63}" vid="{C7D37D48-4203-544F-91AD-A2B4062096A2}"/>
    </a:ext>
  </a:extLst>
</a:theme>
</file>

<file path=ppt/theme/theme3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4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e05b9042-0e45-4cdf-a177-91a0befc3ce7","elementConfiguration":{"binding":"{{ DataSources.Classification[Form.Classification.Name].Display}}","type":"text","disableUpdates":false}},{"type":"shape","id":"027292da-81b2-4ddf-95f0-efb45ec541b6","elementConfiguration":{"inheritDimensions":"{{InheritDimensions.InheritNone}}","width":"","height":"1 cm","image":"{{Form.SAPLogo.SubbrandBlue}}","visibility":"","type":"image","disableUpdates":false}},{"type":"shape","id":"8ae77b9d-9796-46e2-8a7f-59bd7004b6fa","elementConfiguration":{"binding":"{{Form.Classification.Display}}","visibility":"","type":"text","disableUpdates":false}},{"type":"shape","id":"48c001c3-7b81-470d-8365-e72978b171b0","elementConfiguration":{"binding":"{{Form.Classification.Display}}","visibility":"","type":"text","disableUpdates":false}},{"type":"shape","id":"4f2d2bed-508b-4ab9-a586-095abcf8f25c","elementConfiguration":{"inheritDimensions":"{{InheritDimensions.InheritNone}}","width":"","height":"1 cm","image":"{{Form.SAPLogo.SubbrandBlack}}","visibility":"","type":"image","disableUpdates":false}},{"type":"shape","id":"b6283d4d-fd41-4f6f-82ba-43eeaadae4a0","elementConfiguration":{"inheritDimensions":"{{InheritDimensions.InheritNone}}","width":"","height":"1 cm","image":"{{Form.SAPLogo.SubbrandWhite}}","visibility":"","type":"image","disableUpdates":false}},{"type":"shape","id":"0a0fd469-d7b1-471c-964f-0d62664a9222","elementConfiguration":{"binding":"{{Form.Classification.Display}}","visibility":"","type":"text","disableUpdates":false}},{"type":"shape","id":"cc4b7fa6-778f-4833-8456-b2959f62c8b4","elementConfiguration":{"inheritDimensions":"{{InheritDimensions.InheritNone}}","width":"","height":"1 cm","image":"{{Form.SAPLogo.SubbrandBlue}}","visibility":"","type":"image","disableUpdates":false}},{"type":"shape","id":"7d0313a9-572b-4b1a-be2e-2387ea1b4290","elementConfiguration":{"binding":"{{Form.Classification.Display}}","visibility":"","type":"text","disableUpdates":false}},{"type":"shape","id":"8b55870c-384d-411d-a4a3-93918e5e90a6","elementConfiguration":{"inheritDimensions":"{{InheritDimensions.InheritNone}}","width":"","height":"1 cm","image":"{{Form.SAPLogo.SubbrandBlue}}","visibility":"","type":"image","disableUpdates":false}},{"type":"shape","id":"66d6c1c6-6d4a-46ba-a3b7-a16559825194","elementConfiguration":{"binding":"{{Form.Classification.Display}}","visibility":"","type":"text","disableUpdates":false}},{"type":"shape","id":"20735d1b-d3fe-4573-99ef-2a6dcfd8f4b4","elementConfiguration":{"inheritDimensions":"{{InheritDimensions.InheritNone}}","width":"","height":"1 cm","image":"{{Form.SAPLogo.SubbrandBlue}}","visibility":"","type":"image","disableUpdates":false}},{"type":"shape","id":"93fa5ac1-a31b-4a95-b79d-e6c592d1d34b","elementConfiguration":{"binding":"{{Form.Classification.Display}}","visibility":"","type":"text","disableUpdates":false}},{"type":"shape","id":"d52edecf-0a63-4d75-bb74-4a557f7da4ff","elementConfiguration":{"inheritDimensions":"{{InheritDimensions.InheritNone}}","width":"","height":"1 cm","image":"{{Form.SAPLogo.SubbrandWhite}}","visibility":"","type":"image","disableUpdates":false}},{"type":"shape","id":"b7009417-11c8-4a1b-b36b-27f06b5d7280","elementConfiguration":{"binding":"{{Form.Classification.Display}}","visibility":"","type":"text","disableUpdates":false}},{"type":"shape","id":"aaba257b-f786-4533-a1e6-6425df7871fe","elementConfiguration":{"binding":"{{DataSources.PPTCopyRight[\"Slide 5 copyright\"].CopyrightMessage}}","visibility":"","type":"text","disableUpdates":false}},{"type":"shape","id":"90423db4-1288-4e85-b39b-6a248287454f","elementConfiguration":{"inheritDimensions":"{{InheritDimensions.InheritNone}}","width":"","height":"1 cm","image":"{{Form.SAPLogo.SubbrandBlack}}","visibility":"","type":"image","disableUpdates":false}},{"type":"shape","id":"75ebf09f-5e76-4149-aa2a-2bec4d9b8bf8","elementConfiguration":{"binding":"{{Form.Classification.Display}}","visibility":"","type":"text","disableUpdates":false}},{"type":"shape","id":"40da3c9f-4850-4427-a5ba-272827ff0842","elementConfiguration":{"inheritDimensions":"{{InheritDimensions.InheritNone}}","width":"","height":"1 cm","image":"{{Form.SAPLogo.SubbrandWhite}}","visibility":"","type":"image","disableUpdates":false}},{"type":"shape","id":"c46f0580-691a-4125-9f84-7dd37cac5f86","elementConfiguration":{"binding":"{{Form.Classification.Display}}","visibility":"","type":"text","disableUpdates":false}},{"type":"shape","id":"bb2106dc-07e4-4462-be96-d3555cd6537c","elementConfiguration":{"inheritDimensions":"{{InheritDimensions.InheritNone}}","width":"","height":"1 cm","image":"{{Form.SAPLogo.SubbrandBlack}}","visibility":"","type":"image","disableUpdates":false}},{"type":"shape","id":"cc279341-5c69-402e-805a-5145e59dc73d","elementConfiguration":{"binding":"{{Form.Classification.Display}}","visibility":"","type":"text","disableUpdates":false}},{"type":"shape","id":"88ccaa5d-1dee-4448-8279-ebece6f8cb4a","elementConfiguration":{"inheritDimensions":"{{InheritDimensions.InheritNone}}","width":"","height":"1 cm","image":"{{Form.SAPLogo.SubbrandWhite}}","visibility":"","type":"image","disableUpdates":false}},{"type":"shape","id":"4d8ae1c3-ef33-4ad5-a402-2c402c040e62","elementConfiguration":{"binding":"{{Form.Classification.Display}}","visibility":"","type":"text","disableUpdates":false}},{"type":"shape","id":"3997724c-f726-461c-a934-ed0eea3e805e","elementConfiguration":{"inheritDimensions":"{{InheritDimensions.InheritNone}}","width":"","height":"1 cm","image":"{{Form.SAPLogo.SubbrandWhite}}","visibility":"","type":"image","disableUpdates":false}},{"type":"shape","id":"4b22af69-eaf6-4cf4-9157-8a7105c9b9c9","elementConfiguration":{"binding":"{{Form.Classification.Display}}","visibility":"","type":"text","disableUpdates":false}},{"type":"shape","id":"c54e876c-006b-4847-8cdd-f98b2526a337","elementConfiguration":{"binding":"{{StringJoin(\", \", Form.SpeakerName,\"SAP\")}}","type":"text","disableUpdates":false}},{"type":"shape","id":"dee7f35a-1f9f-4c73-878e-a63b5347ac2c","elementConfiguration":{"binding":"{{FormatDateTime(Form.Date,\"MMMM dd, yyyy\",\"en-US\")}}","type":"text","disableUpdates":false}},{"type":"shape","id":"3dc3be16-37df-4776-8743-a9f368c8bed5","elementConfiguration":{"binding":"{{StringJoin(\", \", Form.SpeakerName,\"SAP\")}}","type":"text","disableUpdates":false}},{"type":"shape","id":"21fb78ab-a785-42e7-92aa-74ef42c4e84f","elementConfiguration":{"binding":"{{FormatDateTime(Form.Date,\"MMMM dd, yyyy\",\"en-US\")}}","type":"text","disableUpdates":false}},{"type":"shape","id":"afab39ff-cd68-4834-b56b-3ffee6c99f37","elementConfiguration":{"binding":"{{StringJoin(\", \", Form.SpeakerName,\"SAP\")}}","type":"text","disableUpdates":false}},{"type":"shape","id":"264d0438-469e-4b42-9e17-872a419fae44","elementConfiguration":{"binding":"{{FormatDateTime(Form.Date,\"MMMM dd, yyyy\",\"en-US\")}}","type":"text","disableUpdates":false}},{"type":"shape","id":"f03700eb-8ecd-4e26-9e7b-c03c99aecb89","elementConfiguration":{"binding":"{{StringJoin(\", \", Form.SpeakerName,\"SAP\")}}","type":"text","disableUpdates":false}},{"type":"shape","id":"f5171414-dffe-4d5e-93d8-f6e8e4730e45","elementConfiguration":{"binding":"{{FormatDateTime(Form.Date,\"MMMM dd, yyyy\",\"en-US\")}}","type":"text","disableUpdates":false}},{"type":"shape","id":"f7444a86-5454-4a9f-804a-5a824bcba241","elementConfiguration":{"binding":"{{StringJoin(\", \", Form.SpeakerName,\"SAP\")}}","type":"text","disableUpdates":false}},{"type":"shape","id":"9c3f47bd-a997-4d90-be2c-448f6ca2534e","elementConfiguration":{"binding":"{{FormatDateTime(Form.Date,\"MMMM dd, yyyy\",\"en-US\")}}","type":"text","disableUpdates":false}},{"type":"shape","id":"3d99cfc7-e8f0-452c-9704-c3316f5b8ee3","elementConfiguration":{"binding":"{{StringJoin(\", \", Form.SpeakerName,\"SAP\")}}","type":"text","disableUpdates":false}},{"type":"shape","id":"888ef014-0e2a-4cb3-9b56-50bfaacbc103","elementConfiguration":{"binding":"{{FormatDateTime(Form.Date,\"MMMM dd, yyyy\",\"en-US\")}}","type":"text","disableUpdates":false}},{"type":"shape","id":"494d52f3-d79c-4715-a0fc-eb5950212ea8","elementConfiguration":{"binding":"{{Form.SpeakerName}}","type":"text","disableUpdates":false}},{"type":"shape","id":"1fbbabf1-e2b3-40b4-b4d5-cfaa0208b6d5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5cf8720d-4b2e-48ef-8cf1-c8cd1fc047f6">
      <Terms xmlns="http://schemas.microsoft.com/office/infopath/2007/PartnerControls"/>
    </lcf76f155ced4ddcb4097134ff3c332f>
    <TaxCatchAll xmlns="3f9895fe-22d3-47b5-aa6c-c71b91c35398" xsi:nil="true"/>
  </documentManagement>
</p:properties>
</file>

<file path=customXml/item3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BE131C5ED0261489C352E3A7516BB15" ma:contentTypeVersion="13" ma:contentTypeDescription="Create a new document." ma:contentTypeScope="" ma:versionID="4b0b3e97f6ec12472c9fc8db960ecd7c">
  <xsd:schema xmlns:xsd="http://www.w3.org/2001/XMLSchema" xmlns:xs="http://www.w3.org/2001/XMLSchema" xmlns:p="http://schemas.microsoft.com/office/2006/metadata/properties" xmlns:ns2="5cf8720d-4b2e-48ef-8cf1-c8cd1fc047f6" xmlns:ns3="3f9895fe-22d3-47b5-aa6c-c71b91c35398" targetNamespace="http://schemas.microsoft.com/office/2006/metadata/properties" ma:root="true" ma:fieldsID="bdaf6d1b7103312db6b823c1b3953064" ns2:_="" ns3:_="">
    <xsd:import namespace="5cf8720d-4b2e-48ef-8cf1-c8cd1fc047f6"/>
    <xsd:import namespace="3f9895fe-22d3-47b5-aa6c-c71b91c3539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Billing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cf8720d-4b2e-48ef-8cf1-c8cd1fc047f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BillingMetadata" ma:index="20" nillable="true" ma:displayName="MediaServiceBillingMetadata" ma:hidden="true" ma:internalName="MediaServiceBilling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9895fe-22d3-47b5-aa6c-c71b91c35398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7e2d9069-eaae-40ef-8d82-a1cab6803123}" ma:internalName="TaxCatchAll" ma:showField="CatchAllData" ma:web="3f9895fe-22d3-47b5-aa6c-c71b91c3539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SlideTemplateConfiguration><![CDATA[{"slideVersion":10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8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9.xml><?xml version="1.0" encoding="utf-8"?>
<TemplafySlideTemplateConfiguration><![CDATA[{"slideVersion":8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26BBCBB-1894-4E66-BA48-9E91CE3ACBA0}">
  <ds:schemaRefs/>
</ds:datastoreItem>
</file>

<file path=customXml/itemProps2.xml><?xml version="1.0" encoding="utf-8"?>
<ds:datastoreItem xmlns:ds="http://schemas.openxmlformats.org/officeDocument/2006/customXml" ds:itemID="{C1422F45-04DB-421D-8796-270006657806}">
  <ds:schemaRefs>
    <ds:schemaRef ds:uri="http://schemas.microsoft.com/office/infopath/2007/PartnerControls"/>
    <ds:schemaRef ds:uri="http://www.w3.org/XML/1998/namespace"/>
    <ds:schemaRef ds:uri="http://schemas.microsoft.com/office/2006/documentManagement/types"/>
    <ds:schemaRef ds:uri="http://purl.org/dc/elements/1.1/"/>
    <ds:schemaRef ds:uri="http://purl.org/dc/terms/"/>
    <ds:schemaRef ds:uri="http://schemas.openxmlformats.org/package/2006/metadata/core-properties"/>
    <ds:schemaRef ds:uri="http://purl.org/dc/dcmitype/"/>
    <ds:schemaRef ds:uri="3f9895fe-22d3-47b5-aa6c-c71b91c35398"/>
    <ds:schemaRef ds:uri="5cf8720d-4b2e-48ef-8cf1-c8cd1fc047f6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CC49FFC8-2FF3-4057-96F0-3BCD1A4F0351}">
  <ds:schemaRefs/>
</ds:datastoreItem>
</file>

<file path=customXml/itemProps4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7E6EE2F-A7EA-4F22-8A32-13B557E5412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cf8720d-4b2e-48ef-8cf1-c8cd1fc047f6"/>
    <ds:schemaRef ds:uri="3f9895fe-22d3-47b5-aa6c-c71b91c3539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E726EAB-FE30-4F4D-A478-DE4759D9A12E}">
  <ds:schemaRefs/>
</ds:datastoreItem>
</file>

<file path=customXml/itemProps7.xml><?xml version="1.0" encoding="utf-8"?>
<ds:datastoreItem xmlns:ds="http://schemas.openxmlformats.org/officeDocument/2006/customXml" ds:itemID="{F444086E-23D4-43AE-9B84-AA7543534A61}">
  <ds:schemaRefs/>
</ds:datastoreItem>
</file>

<file path=customXml/itemProps8.xml><?xml version="1.0" encoding="utf-8"?>
<ds:datastoreItem xmlns:ds="http://schemas.openxmlformats.org/officeDocument/2006/customXml" ds:itemID="{47869D81-24A3-1649-A7BC-E604AE89024C}">
  <ds:schemaRefs/>
</ds:datastoreItem>
</file>

<file path=customXml/itemProps9.xml><?xml version="1.0" encoding="utf-8"?>
<ds:datastoreItem xmlns:ds="http://schemas.openxmlformats.org/officeDocument/2006/customXml" ds:itemID="{3E4381A6-8E2C-574D-B48E-536A53B18F66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SAP_2024</Template>
  <TotalTime>3132</TotalTime>
  <Words>735</Words>
  <Application>Microsoft Office PowerPoint</Application>
  <PresentationFormat>Custom</PresentationFormat>
  <Paragraphs>119</Paragraphs>
  <Slides>10</Slides>
  <Notes>1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10</vt:i4>
      </vt:variant>
    </vt:vector>
  </HeadingPairs>
  <TitlesOfParts>
    <vt:vector size="19" baseType="lpstr">
      <vt:lpstr>Courier New</vt:lpstr>
      <vt:lpstr>72 Brand Medium</vt:lpstr>
      <vt:lpstr>Wingdings</vt:lpstr>
      <vt:lpstr>72 Brand</vt:lpstr>
      <vt:lpstr>Symbol</vt:lpstr>
      <vt:lpstr>Arial</vt:lpstr>
      <vt:lpstr>Wingdings</vt:lpstr>
      <vt:lpstr>SAP Template 2024</vt:lpstr>
      <vt:lpstr>1_SAP Template 2024</vt:lpstr>
      <vt:lpstr>Nielsen tech design SAP BTP AI use cases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Thank you!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Welcome to  BTP AI Services!</dc:title>
  <dc:subject/>
  <dc:creator>CIGAINA, MARCO</dc:creator>
  <cp:keywords>2024/16:9/white</cp:keywords>
  <dc:description/>
  <cp:lastModifiedBy>Rzhaksynskyi, Andrii</cp:lastModifiedBy>
  <cp:revision>1</cp:revision>
  <dcterms:created xsi:type="dcterms:W3CDTF">2024-09-06T08:42:13Z</dcterms:created>
  <dcterms:modified xsi:type="dcterms:W3CDTF">2025-08-07T14:59:0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4BE131C5ED0261489C352E3A7516BB15</vt:lpwstr>
  </property>
  <property fmtid="{D5CDD505-2E9C-101B-9397-08002B2CF9AE}" pid="7" name="TemplafyTimeStamp">
    <vt:lpwstr>2024-02-12T09:36:51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653955260011855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  <property fmtid="{D5CDD505-2E9C-101B-9397-08002B2CF9AE}" pid="13" name="MediaServiceImageTags">
    <vt:lpwstr/>
  </property>
</Properties>
</file>